
<file path=[Content_Types].xml><?xml version="1.0" encoding="utf-8"?>
<Types xmlns="http://schemas.openxmlformats.org/package/2006/content-types"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tiff" ContentType="image/tiff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autoCompressPictures="0">
  <p:sldMasterIdLst>
    <p:sldMasterId id="2147483648" r:id="rId4"/>
  </p:sldMasterIdLst>
  <p:notesMasterIdLst>
    <p:notesMasterId r:id="rId23"/>
  </p:notesMasterIdLst>
  <p:sldIdLst>
    <p:sldId id="256" r:id="rId5"/>
    <p:sldId id="605" r:id="rId6"/>
    <p:sldId id="273" r:id="rId7"/>
    <p:sldId id="589" r:id="rId8"/>
    <p:sldId id="590" r:id="rId9"/>
    <p:sldId id="591" r:id="rId10"/>
    <p:sldId id="592" r:id="rId11"/>
    <p:sldId id="593" r:id="rId12"/>
    <p:sldId id="594" r:id="rId13"/>
    <p:sldId id="596" r:id="rId14"/>
    <p:sldId id="597" r:id="rId15"/>
    <p:sldId id="598" r:id="rId16"/>
    <p:sldId id="603" r:id="rId17"/>
    <p:sldId id="599" r:id="rId18"/>
    <p:sldId id="600" r:id="rId19"/>
    <p:sldId id="601" r:id="rId20"/>
    <p:sldId id="604" r:id="rId21"/>
    <p:sldId id="602" r:id="rId22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CC86915D-5811-E0C1-8824-E95A9821A803}" name="Beth Massey" initials="BM" userId="S::bmassey@teainc.org::1e820521-9691-4b42-88dc-0d1b1a0b3721" providerId="AD"/>
  <p188:author id="{EE3A9A73-522D-8D26-1564-15F8AA6ADBD1}" name="James Baker" initials="JB" userId="S::jwbaker@teainc.org::f8afbb75-f1fd-4aed-b24f-242c4ef9c955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57528"/>
    <a:srgbClr val="D3282D"/>
    <a:srgbClr val="0D8775"/>
    <a:srgbClr val="ACCF4D"/>
    <a:srgbClr val="F1A600"/>
    <a:srgbClr val="0BC3A9"/>
    <a:srgbClr val="00EDC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EE72D11-315B-4066-9C02-5A3B73BFE751}" v="5" vWet="7" dt="2022-09-06T14:30:45.979"/>
    <p1510:client id="{9124AB43-35BA-4565-A18D-DCBD218E02B4}" v="271" dt="2022-09-07T14:10:19.40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/>
    </p:cSldViewPr>
  </p:slide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theme" Target="theme/theme1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notesMaster" Target="notesMasters/notesMaster1.xml"/><Relationship Id="rId28" Type="http://schemas.microsoft.com/office/2016/11/relationships/changesInfo" Target="changesInfos/changesInfo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tableStyles" Target="tableStyles.xml"/><Relationship Id="rId30" Type="http://schemas.microsoft.com/office/2018/10/relationships/authors" Target="author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Christie Hall" userId="fe2ca595-353a-4233-8dcb-ac6703c1f2bb" providerId="ADAL" clId="{3EE72D11-315B-4066-9C02-5A3B73BFE751}"/>
    <pc:docChg chg="undo custSel modSld">
      <pc:chgData name="Christie Hall" userId="fe2ca595-353a-4233-8dcb-ac6703c1f2bb" providerId="ADAL" clId="{3EE72D11-315B-4066-9C02-5A3B73BFE751}" dt="2022-09-06T14:27:59.975" v="189" actId="14100"/>
      <pc:docMkLst>
        <pc:docMk/>
      </pc:docMkLst>
      <pc:sldChg chg="modSp mod">
        <pc:chgData name="Christie Hall" userId="fe2ca595-353a-4233-8dcb-ac6703c1f2bb" providerId="ADAL" clId="{3EE72D11-315B-4066-9C02-5A3B73BFE751}" dt="2022-09-06T13:54:51.365" v="67" actId="20577"/>
        <pc:sldMkLst>
          <pc:docMk/>
          <pc:sldMk cId="2012820703" sldId="256"/>
        </pc:sldMkLst>
        <pc:spChg chg="mod">
          <ac:chgData name="Christie Hall" userId="fe2ca595-353a-4233-8dcb-ac6703c1f2bb" providerId="ADAL" clId="{3EE72D11-315B-4066-9C02-5A3B73BFE751}" dt="2022-09-06T13:54:51.365" v="67" actId="20577"/>
          <ac:spMkLst>
            <pc:docMk/>
            <pc:sldMk cId="2012820703" sldId="256"/>
            <ac:spMk id="3" creationId="{C7AB5A9D-8445-544E-AC15-5598AAD484E6}"/>
          </ac:spMkLst>
        </pc:spChg>
      </pc:sldChg>
      <pc:sldChg chg="modSp mod">
        <pc:chgData name="Christie Hall" userId="fe2ca595-353a-4233-8dcb-ac6703c1f2bb" providerId="ADAL" clId="{3EE72D11-315B-4066-9C02-5A3B73BFE751}" dt="2022-09-06T13:55:05.298" v="71" actId="20577"/>
        <pc:sldMkLst>
          <pc:docMk/>
          <pc:sldMk cId="94420389" sldId="273"/>
        </pc:sldMkLst>
        <pc:spChg chg="mod">
          <ac:chgData name="Christie Hall" userId="fe2ca595-353a-4233-8dcb-ac6703c1f2bb" providerId="ADAL" clId="{3EE72D11-315B-4066-9C02-5A3B73BFE751}" dt="2022-09-06T13:55:05.298" v="71" actId="20577"/>
          <ac:spMkLst>
            <pc:docMk/>
            <pc:sldMk cId="94420389" sldId="273"/>
            <ac:spMk id="281" creationId="{35E56155-2F9E-17BE-0BBA-4B842FFF5B5D}"/>
          </ac:spMkLst>
        </pc:spChg>
      </pc:sldChg>
      <pc:sldChg chg="addSp modSp mod">
        <pc:chgData name="Christie Hall" userId="fe2ca595-353a-4233-8dcb-ac6703c1f2bb" providerId="ADAL" clId="{3EE72D11-315B-4066-9C02-5A3B73BFE751}" dt="2022-09-06T14:09:44.734" v="80" actId="1076"/>
        <pc:sldMkLst>
          <pc:docMk/>
          <pc:sldMk cId="1543654014" sldId="589"/>
        </pc:sldMkLst>
        <pc:spChg chg="mod">
          <ac:chgData name="Christie Hall" userId="fe2ca595-353a-4233-8dcb-ac6703c1f2bb" providerId="ADAL" clId="{3EE72D11-315B-4066-9C02-5A3B73BFE751}" dt="2022-09-06T14:09:44.734" v="80" actId="1076"/>
          <ac:spMkLst>
            <pc:docMk/>
            <pc:sldMk cId="1543654014" sldId="589"/>
            <ac:spMk id="3" creationId="{F74BFD60-6EDF-6B74-F087-79D8CAFA2AE6}"/>
          </ac:spMkLst>
        </pc:spChg>
        <pc:picChg chg="add mod">
          <ac:chgData name="Christie Hall" userId="fe2ca595-353a-4233-8dcb-ac6703c1f2bb" providerId="ADAL" clId="{3EE72D11-315B-4066-9C02-5A3B73BFE751}" dt="2022-09-06T14:09:39.702" v="79" actId="1076"/>
          <ac:picMkLst>
            <pc:docMk/>
            <pc:sldMk cId="1543654014" sldId="589"/>
            <ac:picMk id="5" creationId="{DEB3C92C-4FFF-44EF-B2CC-9C24DBC29CC3}"/>
          </ac:picMkLst>
        </pc:picChg>
        <pc:picChg chg="mod">
          <ac:chgData name="Christie Hall" userId="fe2ca595-353a-4233-8dcb-ac6703c1f2bb" providerId="ADAL" clId="{3EE72D11-315B-4066-9C02-5A3B73BFE751}" dt="2022-09-06T14:09:39.702" v="79" actId="1076"/>
          <ac:picMkLst>
            <pc:docMk/>
            <pc:sldMk cId="1543654014" sldId="589"/>
            <ac:picMk id="6" creationId="{7AEBFB90-784E-5258-E503-4404D95ADE06}"/>
          </ac:picMkLst>
        </pc:picChg>
      </pc:sldChg>
      <pc:sldChg chg="addSp delSp modSp mod">
        <pc:chgData name="Christie Hall" userId="fe2ca595-353a-4233-8dcb-ac6703c1f2bb" providerId="ADAL" clId="{3EE72D11-315B-4066-9C02-5A3B73BFE751}" dt="2022-09-06T14:16:21.385" v="149" actId="1038"/>
        <pc:sldMkLst>
          <pc:docMk/>
          <pc:sldMk cId="3344013543" sldId="590"/>
        </pc:sldMkLst>
        <pc:spChg chg="mod">
          <ac:chgData name="Christie Hall" userId="fe2ca595-353a-4233-8dcb-ac6703c1f2bb" providerId="ADAL" clId="{3EE72D11-315B-4066-9C02-5A3B73BFE751}" dt="2022-09-06T14:16:16.695" v="130" actId="1035"/>
          <ac:spMkLst>
            <pc:docMk/>
            <pc:sldMk cId="3344013543" sldId="590"/>
            <ac:spMk id="8" creationId="{5D078FA1-F136-3104-59A6-136A10A8B847}"/>
          </ac:spMkLst>
        </pc:spChg>
        <pc:spChg chg="mod">
          <ac:chgData name="Christie Hall" userId="fe2ca595-353a-4233-8dcb-ac6703c1f2bb" providerId="ADAL" clId="{3EE72D11-315B-4066-9C02-5A3B73BFE751}" dt="2022-09-06T14:16:21.385" v="149" actId="1038"/>
          <ac:spMkLst>
            <pc:docMk/>
            <pc:sldMk cId="3344013543" sldId="590"/>
            <ac:spMk id="10" creationId="{8253EA13-034A-5A50-0F66-ED0268F11606}"/>
          </ac:spMkLst>
        </pc:spChg>
        <pc:grpChg chg="del mod">
          <ac:chgData name="Christie Hall" userId="fe2ca595-353a-4233-8dcb-ac6703c1f2bb" providerId="ADAL" clId="{3EE72D11-315B-4066-9C02-5A3B73BFE751}" dt="2022-09-06T14:15:27.586" v="104" actId="165"/>
          <ac:grpSpMkLst>
            <pc:docMk/>
            <pc:sldMk cId="3344013543" sldId="590"/>
            <ac:grpSpMk id="4" creationId="{6005B21C-CCE9-643F-03DF-E3865658C9DB}"/>
          </ac:grpSpMkLst>
        </pc:grpChg>
        <pc:picChg chg="mod">
          <ac:chgData name="Christie Hall" userId="fe2ca595-353a-4233-8dcb-ac6703c1f2bb" providerId="ADAL" clId="{3EE72D11-315B-4066-9C02-5A3B73BFE751}" dt="2022-09-06T14:16:21.385" v="149" actId="1038"/>
          <ac:picMkLst>
            <pc:docMk/>
            <pc:sldMk cId="3344013543" sldId="590"/>
            <ac:picMk id="2" creationId="{8F63BD67-F98F-E5E6-3E30-5012EE732B9C}"/>
          </ac:picMkLst>
        </pc:picChg>
        <pc:picChg chg="mod topLvl modCrop">
          <ac:chgData name="Christie Hall" userId="fe2ca595-353a-4233-8dcb-ac6703c1f2bb" providerId="ADAL" clId="{3EE72D11-315B-4066-9C02-5A3B73BFE751}" dt="2022-09-06T14:15:43.963" v="107" actId="1076"/>
          <ac:picMkLst>
            <pc:docMk/>
            <pc:sldMk cId="3344013543" sldId="590"/>
            <ac:picMk id="3" creationId="{D6BAE6BC-09FE-7F2C-4F30-A41E8320F9E9}"/>
          </ac:picMkLst>
        </pc:picChg>
        <pc:picChg chg="add mod">
          <ac:chgData name="Christie Hall" userId="fe2ca595-353a-4233-8dcb-ac6703c1f2bb" providerId="ADAL" clId="{3EE72D11-315B-4066-9C02-5A3B73BFE751}" dt="2022-09-06T14:16:21.385" v="149" actId="1038"/>
          <ac:picMkLst>
            <pc:docMk/>
            <pc:sldMk cId="3344013543" sldId="590"/>
            <ac:picMk id="6" creationId="{60F4BDBF-708E-418D-BEDA-EAAB27E482E8}"/>
          </ac:picMkLst>
        </pc:picChg>
        <pc:picChg chg="del mod topLvl">
          <ac:chgData name="Christie Hall" userId="fe2ca595-353a-4233-8dcb-ac6703c1f2bb" providerId="ADAL" clId="{3EE72D11-315B-4066-9C02-5A3B73BFE751}" dt="2022-09-06T14:15:31.388" v="105" actId="478"/>
          <ac:picMkLst>
            <pc:docMk/>
            <pc:sldMk cId="3344013543" sldId="590"/>
            <ac:picMk id="9" creationId="{C2ABC72F-57BC-6A9F-D09F-547AB0EEF4FF}"/>
          </ac:picMkLst>
        </pc:picChg>
        <pc:picChg chg="add mod">
          <ac:chgData name="Christie Hall" userId="fe2ca595-353a-4233-8dcb-ac6703c1f2bb" providerId="ADAL" clId="{3EE72D11-315B-4066-9C02-5A3B73BFE751}" dt="2022-09-06T14:16:08.344" v="111" actId="1076"/>
          <ac:picMkLst>
            <pc:docMk/>
            <pc:sldMk cId="3344013543" sldId="590"/>
            <ac:picMk id="12" creationId="{8C618147-4FF5-4CC2-8FF1-CABEA3064023}"/>
          </ac:picMkLst>
        </pc:picChg>
      </pc:sldChg>
      <pc:sldChg chg="modSp mod">
        <pc:chgData name="Christie Hall" userId="fe2ca595-353a-4233-8dcb-ac6703c1f2bb" providerId="ADAL" clId="{3EE72D11-315B-4066-9C02-5A3B73BFE751}" dt="2022-09-06T14:26:37.131" v="157" actId="1038"/>
        <pc:sldMkLst>
          <pc:docMk/>
          <pc:sldMk cId="1300316425" sldId="593"/>
        </pc:sldMkLst>
        <pc:picChg chg="mod">
          <ac:chgData name="Christie Hall" userId="fe2ca595-353a-4233-8dcb-ac6703c1f2bb" providerId="ADAL" clId="{3EE72D11-315B-4066-9C02-5A3B73BFE751}" dt="2022-09-06T14:26:37.131" v="157" actId="1038"/>
          <ac:picMkLst>
            <pc:docMk/>
            <pc:sldMk cId="1300316425" sldId="593"/>
            <ac:picMk id="13" creationId="{AADA1422-798D-D963-7374-D416848CAC4D}"/>
          </ac:picMkLst>
        </pc:picChg>
      </pc:sldChg>
      <pc:sldChg chg="modSp mod">
        <pc:chgData name="Christie Hall" userId="fe2ca595-353a-4233-8dcb-ac6703c1f2bb" providerId="ADAL" clId="{3EE72D11-315B-4066-9C02-5A3B73BFE751}" dt="2022-09-06T14:26:56.528" v="176" actId="12788"/>
        <pc:sldMkLst>
          <pc:docMk/>
          <pc:sldMk cId="3504227473" sldId="594"/>
        </pc:sldMkLst>
        <pc:picChg chg="mod">
          <ac:chgData name="Christie Hall" userId="fe2ca595-353a-4233-8dcb-ac6703c1f2bb" providerId="ADAL" clId="{3EE72D11-315B-4066-9C02-5A3B73BFE751}" dt="2022-09-06T14:26:56.528" v="176" actId="12788"/>
          <ac:picMkLst>
            <pc:docMk/>
            <pc:sldMk cId="3504227473" sldId="594"/>
            <ac:picMk id="4" creationId="{DEDF310B-E01F-40C2-6AF7-EDAB00A2CEF3}"/>
          </ac:picMkLst>
        </pc:picChg>
      </pc:sldChg>
      <pc:sldChg chg="modSp mod">
        <pc:chgData name="Christie Hall" userId="fe2ca595-353a-4233-8dcb-ac6703c1f2bb" providerId="ADAL" clId="{3EE72D11-315B-4066-9C02-5A3B73BFE751}" dt="2022-09-06T14:27:59.975" v="189" actId="14100"/>
        <pc:sldMkLst>
          <pc:docMk/>
          <pc:sldMk cId="3013960963" sldId="602"/>
        </pc:sldMkLst>
        <pc:spChg chg="mod">
          <ac:chgData name="Christie Hall" userId="fe2ca595-353a-4233-8dcb-ac6703c1f2bb" providerId="ADAL" clId="{3EE72D11-315B-4066-9C02-5A3B73BFE751}" dt="2022-09-06T14:27:59.975" v="189" actId="14100"/>
          <ac:spMkLst>
            <pc:docMk/>
            <pc:sldMk cId="3013960963" sldId="602"/>
            <ac:spMk id="10" creationId="{4FA8E7DF-386F-A7BE-ED54-A17D6AB72B1D}"/>
          </ac:spMkLst>
        </pc:spChg>
      </pc:sldChg>
      <pc:sldChg chg="modSp mod">
        <pc:chgData name="Christie Hall" userId="fe2ca595-353a-4233-8dcb-ac6703c1f2bb" providerId="ADAL" clId="{3EE72D11-315B-4066-9C02-5A3B73BFE751}" dt="2022-09-06T14:27:32.491" v="188" actId="1037"/>
        <pc:sldMkLst>
          <pc:docMk/>
          <pc:sldMk cId="1517754036" sldId="603"/>
        </pc:sldMkLst>
        <pc:spChg chg="mod">
          <ac:chgData name="Christie Hall" userId="fe2ca595-353a-4233-8dcb-ac6703c1f2bb" providerId="ADAL" clId="{3EE72D11-315B-4066-9C02-5A3B73BFE751}" dt="2022-09-06T14:27:20.909" v="177" actId="113"/>
          <ac:spMkLst>
            <pc:docMk/>
            <pc:sldMk cId="1517754036" sldId="603"/>
            <ac:spMk id="4" creationId="{42E13165-D21A-9591-FFB3-58415CF2E99A}"/>
          </ac:spMkLst>
        </pc:spChg>
        <pc:spChg chg="mod">
          <ac:chgData name="Christie Hall" userId="fe2ca595-353a-4233-8dcb-ac6703c1f2bb" providerId="ADAL" clId="{3EE72D11-315B-4066-9C02-5A3B73BFE751}" dt="2022-09-06T14:27:32.491" v="188" actId="1037"/>
          <ac:spMkLst>
            <pc:docMk/>
            <pc:sldMk cId="1517754036" sldId="603"/>
            <ac:spMk id="6" creationId="{D82FC838-44DE-BE9F-7A61-48DED70994E3}"/>
          </ac:spMkLst>
        </pc:spChg>
      </pc:sldChg>
    </pc:docChg>
  </pc:docChgLst>
  <pc:docChgLst>
    <pc:chgData name="James Baker" userId="f8afbb75-f1fd-4aed-b24f-242c4ef9c955" providerId="ADAL" clId="{9124AB43-35BA-4565-A18D-DCBD218E02B4}"/>
    <pc:docChg chg="undo redo custSel modSld">
      <pc:chgData name="James Baker" userId="f8afbb75-f1fd-4aed-b24f-242c4ef9c955" providerId="ADAL" clId="{9124AB43-35BA-4565-A18D-DCBD218E02B4}" dt="2022-09-07T14:10:19.406" v="476"/>
      <pc:docMkLst>
        <pc:docMk/>
      </pc:docMkLst>
      <pc:sldChg chg="addSp delSp modSp mod delCm modCm">
        <pc:chgData name="James Baker" userId="f8afbb75-f1fd-4aed-b24f-242c4ef9c955" providerId="ADAL" clId="{9124AB43-35BA-4565-A18D-DCBD218E02B4}" dt="2022-09-07T14:10:19.368" v="316"/>
        <pc:sldMkLst>
          <pc:docMk/>
          <pc:sldMk cId="2012820703" sldId="256"/>
        </pc:sldMkLst>
        <pc:picChg chg="add del mod">
          <ac:chgData name="James Baker" userId="f8afbb75-f1fd-4aed-b24f-242c4ef9c955" providerId="ADAL" clId="{9124AB43-35BA-4565-A18D-DCBD218E02B4}" dt="2022-09-07T14:10:19.363" v="308"/>
          <ac:picMkLst>
            <pc:docMk/>
            <pc:sldMk cId="2012820703" sldId="256"/>
            <ac:picMk id="6" creationId="{4ACDFD3D-EEA7-B571-7479-CE1D0531304A}"/>
          </ac:picMkLst>
        </pc:picChg>
        <pc:picChg chg="add del mod">
          <ac:chgData name="James Baker" userId="f8afbb75-f1fd-4aed-b24f-242c4ef9c955" providerId="ADAL" clId="{9124AB43-35BA-4565-A18D-DCBD218E02B4}" dt="2022-09-07T14:10:19.368" v="316"/>
          <ac:picMkLst>
            <pc:docMk/>
            <pc:sldMk cId="2012820703" sldId="256"/>
            <ac:picMk id="7" creationId="{58E6000D-C99E-B3EA-6C05-FE7D5D8344A6}"/>
          </ac:picMkLst>
        </pc:picChg>
      </pc:sldChg>
      <pc:sldChg chg="addSp delSp modSp mod addCm delCm">
        <pc:chgData name="James Baker" userId="f8afbb75-f1fd-4aed-b24f-242c4ef9c955" providerId="ADAL" clId="{9124AB43-35BA-4565-A18D-DCBD218E02B4}" dt="2022-09-07T14:10:19.378" v="340"/>
        <pc:sldMkLst>
          <pc:docMk/>
          <pc:sldMk cId="1543654014" sldId="589"/>
        </pc:sldMkLst>
        <pc:spChg chg="mod">
          <ac:chgData name="James Baker" userId="f8afbb75-f1fd-4aed-b24f-242c4ef9c955" providerId="ADAL" clId="{9124AB43-35BA-4565-A18D-DCBD218E02B4}" dt="2022-09-06T13:30:23.623" v="203" actId="20577"/>
          <ac:spMkLst>
            <pc:docMk/>
            <pc:sldMk cId="1543654014" sldId="589"/>
            <ac:spMk id="2" creationId="{CF30A009-A059-FA84-5436-07B2E1C36DA9}"/>
          </ac:spMkLst>
        </pc:spChg>
        <pc:spChg chg="mod">
          <ac:chgData name="James Baker" userId="f8afbb75-f1fd-4aed-b24f-242c4ef9c955" providerId="ADAL" clId="{9124AB43-35BA-4565-A18D-DCBD218E02B4}" dt="2022-09-06T13:29:50.371" v="181" actId="1037"/>
          <ac:spMkLst>
            <pc:docMk/>
            <pc:sldMk cId="1543654014" sldId="589"/>
            <ac:spMk id="3" creationId="{F74BFD60-6EDF-6B74-F087-79D8CAFA2AE6}"/>
          </ac:spMkLst>
        </pc:spChg>
        <pc:picChg chg="add mod modCrop">
          <ac:chgData name="James Baker" userId="f8afbb75-f1fd-4aed-b24f-242c4ef9c955" providerId="ADAL" clId="{9124AB43-35BA-4565-A18D-DCBD218E02B4}" dt="2022-09-06T14:54:13.648" v="242" actId="1037"/>
          <ac:picMkLst>
            <pc:docMk/>
            <pc:sldMk cId="1543654014" sldId="589"/>
            <ac:picMk id="4" creationId="{9BD92F5F-4A03-F40F-6C06-A92D2A93C802}"/>
          </ac:picMkLst>
        </pc:picChg>
        <pc:picChg chg="add del mod">
          <ac:chgData name="James Baker" userId="f8afbb75-f1fd-4aed-b24f-242c4ef9c955" providerId="ADAL" clId="{9124AB43-35BA-4565-A18D-DCBD218E02B4}" dt="2022-09-06T14:59:16.996" v="266" actId="478"/>
          <ac:picMkLst>
            <pc:docMk/>
            <pc:sldMk cId="1543654014" sldId="589"/>
            <ac:picMk id="5" creationId="{DEB3C92C-4FFF-44EF-B2CC-9C24DBC29CC3}"/>
          </ac:picMkLst>
        </pc:picChg>
        <pc:picChg chg="mod">
          <ac:chgData name="James Baker" userId="f8afbb75-f1fd-4aed-b24f-242c4ef9c955" providerId="ADAL" clId="{9124AB43-35BA-4565-A18D-DCBD218E02B4}" dt="2022-09-06T13:29:50.852" v="182" actId="1076"/>
          <ac:picMkLst>
            <pc:docMk/>
            <pc:sldMk cId="1543654014" sldId="589"/>
            <ac:picMk id="6" creationId="{7AEBFB90-784E-5258-E503-4404D95ADE06}"/>
          </ac:picMkLst>
        </pc:picChg>
        <pc:picChg chg="add del mod">
          <ac:chgData name="James Baker" userId="f8afbb75-f1fd-4aed-b24f-242c4ef9c955" providerId="ADAL" clId="{9124AB43-35BA-4565-A18D-DCBD218E02B4}" dt="2022-09-07T14:10:19.375" v="332"/>
          <ac:picMkLst>
            <pc:docMk/>
            <pc:sldMk cId="1543654014" sldId="589"/>
            <ac:picMk id="7" creationId="{79CD8174-D53A-3BD1-0530-3D744B84BCFF}"/>
          </ac:picMkLst>
        </pc:picChg>
        <pc:picChg chg="add del mod">
          <ac:chgData name="James Baker" userId="f8afbb75-f1fd-4aed-b24f-242c4ef9c955" providerId="ADAL" clId="{9124AB43-35BA-4565-A18D-DCBD218E02B4}" dt="2022-09-07T14:10:19.378" v="340"/>
          <ac:picMkLst>
            <pc:docMk/>
            <pc:sldMk cId="1543654014" sldId="589"/>
            <ac:picMk id="8" creationId="{E179C1FA-9E9D-5C96-CF76-F70DB3429BAC}"/>
          </ac:picMkLst>
        </pc:picChg>
      </pc:sldChg>
      <pc:sldChg chg="addSp delSp modSp mod delCm">
        <pc:chgData name="James Baker" userId="f8afbb75-f1fd-4aed-b24f-242c4ef9c955" providerId="ADAL" clId="{9124AB43-35BA-4565-A18D-DCBD218E02B4}" dt="2022-09-07T14:10:19.387" v="372"/>
        <pc:sldMkLst>
          <pc:docMk/>
          <pc:sldMk cId="3344013543" sldId="590"/>
        </pc:sldMkLst>
        <pc:spChg chg="add del mod">
          <ac:chgData name="James Baker" userId="f8afbb75-f1fd-4aed-b24f-242c4ef9c955" providerId="ADAL" clId="{9124AB43-35BA-4565-A18D-DCBD218E02B4}" dt="2022-09-06T14:30:32.593" v="209" actId="478"/>
          <ac:spMkLst>
            <pc:docMk/>
            <pc:sldMk cId="3344013543" sldId="590"/>
            <ac:spMk id="5" creationId="{9A266674-B088-B443-E09B-D2D07F4F45F5}"/>
          </ac:spMkLst>
        </pc:spChg>
        <pc:spChg chg="del">
          <ac:chgData name="James Baker" userId="f8afbb75-f1fd-4aed-b24f-242c4ef9c955" providerId="ADAL" clId="{9124AB43-35BA-4565-A18D-DCBD218E02B4}" dt="2022-09-06T14:30:25.690" v="206" actId="478"/>
          <ac:spMkLst>
            <pc:docMk/>
            <pc:sldMk cId="3344013543" sldId="590"/>
            <ac:spMk id="8" creationId="{5D078FA1-F136-3104-59A6-136A10A8B847}"/>
          </ac:spMkLst>
        </pc:spChg>
        <pc:spChg chg="del">
          <ac:chgData name="James Baker" userId="f8afbb75-f1fd-4aed-b24f-242c4ef9c955" providerId="ADAL" clId="{9124AB43-35BA-4565-A18D-DCBD218E02B4}" dt="2022-09-06T14:30:28.151" v="207" actId="478"/>
          <ac:spMkLst>
            <pc:docMk/>
            <pc:sldMk cId="3344013543" sldId="590"/>
            <ac:spMk id="10" creationId="{8253EA13-034A-5A50-0F66-ED0268F11606}"/>
          </ac:spMkLst>
        </pc:spChg>
        <pc:spChg chg="add del mod">
          <ac:chgData name="James Baker" userId="f8afbb75-f1fd-4aed-b24f-242c4ef9c955" providerId="ADAL" clId="{9124AB43-35BA-4565-A18D-DCBD218E02B4}" dt="2022-09-06T14:30:29.761" v="208" actId="478"/>
          <ac:spMkLst>
            <pc:docMk/>
            <pc:sldMk cId="3344013543" sldId="590"/>
            <ac:spMk id="11" creationId="{EB838FC6-F5B4-EAB5-29A6-25D70A912ED3}"/>
          </ac:spMkLst>
        </pc:spChg>
        <pc:spChg chg="mod">
          <ac:chgData name="James Baker" userId="f8afbb75-f1fd-4aed-b24f-242c4ef9c955" providerId="ADAL" clId="{9124AB43-35BA-4565-A18D-DCBD218E02B4}" dt="2022-09-06T14:33:30.551" v="224" actId="1076"/>
          <ac:spMkLst>
            <pc:docMk/>
            <pc:sldMk cId="3344013543" sldId="590"/>
            <ac:spMk id="16" creationId="{C3DF0BAD-D402-50F1-69E5-D41B53BE073B}"/>
          </ac:spMkLst>
        </pc:spChg>
        <pc:grpChg chg="mod">
          <ac:chgData name="James Baker" userId="f8afbb75-f1fd-4aed-b24f-242c4ef9c955" providerId="ADAL" clId="{9124AB43-35BA-4565-A18D-DCBD218E02B4}" dt="2022-09-06T13:25:21.026" v="11" actId="14100"/>
          <ac:grpSpMkLst>
            <pc:docMk/>
            <pc:sldMk cId="3344013543" sldId="590"/>
            <ac:grpSpMk id="4" creationId="{6005B21C-CCE9-643F-03DF-E3865658C9DB}"/>
          </ac:grpSpMkLst>
        </pc:grpChg>
        <pc:picChg chg="mod">
          <ac:chgData name="James Baker" userId="f8afbb75-f1fd-4aed-b24f-242c4ef9c955" providerId="ADAL" clId="{9124AB43-35BA-4565-A18D-DCBD218E02B4}" dt="2022-09-06T14:59:14.088" v="264" actId="1036"/>
          <ac:picMkLst>
            <pc:docMk/>
            <pc:sldMk cId="3344013543" sldId="590"/>
            <ac:picMk id="2" creationId="{8F63BD67-F98F-E5E6-3E30-5012EE732B9C}"/>
          </ac:picMkLst>
        </pc:picChg>
        <pc:picChg chg="mod">
          <ac:chgData name="James Baker" userId="f8afbb75-f1fd-4aed-b24f-242c4ef9c955" providerId="ADAL" clId="{9124AB43-35BA-4565-A18D-DCBD218E02B4}" dt="2022-09-06T14:33:30.551" v="224" actId="1076"/>
          <ac:picMkLst>
            <pc:docMk/>
            <pc:sldMk cId="3344013543" sldId="590"/>
            <ac:picMk id="3" creationId="{D6BAE6BC-09FE-7F2C-4F30-A41E8320F9E9}"/>
          </ac:picMkLst>
        </pc:picChg>
        <pc:picChg chg="mod">
          <ac:chgData name="James Baker" userId="f8afbb75-f1fd-4aed-b24f-242c4ef9c955" providerId="ADAL" clId="{9124AB43-35BA-4565-A18D-DCBD218E02B4}" dt="2022-09-06T14:59:14.088" v="264" actId="1036"/>
          <ac:picMkLst>
            <pc:docMk/>
            <pc:sldMk cId="3344013543" sldId="590"/>
            <ac:picMk id="6" creationId="{60F4BDBF-708E-418D-BEDA-EAAB27E482E8}"/>
          </ac:picMkLst>
        </pc:picChg>
        <pc:picChg chg="add del mod">
          <ac:chgData name="James Baker" userId="f8afbb75-f1fd-4aed-b24f-242c4ef9c955" providerId="ADAL" clId="{9124AB43-35BA-4565-A18D-DCBD218E02B4}" dt="2022-09-07T14:10:19.380" v="348"/>
          <ac:picMkLst>
            <pc:docMk/>
            <pc:sldMk cId="3344013543" sldId="590"/>
            <ac:picMk id="8" creationId="{0DB7D94D-F4D2-76A5-EE57-E71CC3E5D74E}"/>
          </ac:picMkLst>
        </pc:picChg>
        <pc:picChg chg="add del mod">
          <ac:chgData name="James Baker" userId="f8afbb75-f1fd-4aed-b24f-242c4ef9c955" providerId="ADAL" clId="{9124AB43-35BA-4565-A18D-DCBD218E02B4}" dt="2022-09-07T14:10:19.382" v="356"/>
          <ac:picMkLst>
            <pc:docMk/>
            <pc:sldMk cId="3344013543" sldId="590"/>
            <ac:picMk id="9" creationId="{575D2954-8993-6568-7033-947E70F01FC3}"/>
          </ac:picMkLst>
        </pc:picChg>
        <pc:picChg chg="add del mod">
          <ac:chgData name="James Baker" userId="f8afbb75-f1fd-4aed-b24f-242c4ef9c955" providerId="ADAL" clId="{9124AB43-35BA-4565-A18D-DCBD218E02B4}" dt="2022-09-07T14:10:19.385" v="364"/>
          <ac:picMkLst>
            <pc:docMk/>
            <pc:sldMk cId="3344013543" sldId="590"/>
            <ac:picMk id="10" creationId="{59F2F2E9-D42B-E0A2-F28B-D95B5F054345}"/>
          </ac:picMkLst>
        </pc:picChg>
        <pc:picChg chg="add del mod">
          <ac:chgData name="James Baker" userId="f8afbb75-f1fd-4aed-b24f-242c4ef9c955" providerId="ADAL" clId="{9124AB43-35BA-4565-A18D-DCBD218E02B4}" dt="2022-09-07T14:10:19.387" v="372"/>
          <ac:picMkLst>
            <pc:docMk/>
            <pc:sldMk cId="3344013543" sldId="590"/>
            <ac:picMk id="11" creationId="{06D2B18B-AB9E-E73D-1513-665FF365D0D4}"/>
          </ac:picMkLst>
        </pc:picChg>
        <pc:picChg chg="mod">
          <ac:chgData name="James Baker" userId="f8afbb75-f1fd-4aed-b24f-242c4ef9c955" providerId="ADAL" clId="{9124AB43-35BA-4565-A18D-DCBD218E02B4}" dt="2022-09-06T14:33:30.551" v="224" actId="1076"/>
          <ac:picMkLst>
            <pc:docMk/>
            <pc:sldMk cId="3344013543" sldId="590"/>
            <ac:picMk id="12" creationId="{8C618147-4FF5-4CC2-8FF1-CABEA3064023}"/>
          </ac:picMkLst>
        </pc:picChg>
      </pc:sldChg>
      <pc:sldChg chg="addSp delSp modSp mod delCm">
        <pc:chgData name="James Baker" userId="f8afbb75-f1fd-4aed-b24f-242c4ef9c955" providerId="ADAL" clId="{9124AB43-35BA-4565-A18D-DCBD218E02B4}" dt="2022-09-07T14:10:19.388" v="380"/>
        <pc:sldMkLst>
          <pc:docMk/>
          <pc:sldMk cId="4238054709" sldId="591"/>
        </pc:sldMkLst>
        <pc:picChg chg="add del mod">
          <ac:chgData name="James Baker" userId="f8afbb75-f1fd-4aed-b24f-242c4ef9c955" providerId="ADAL" clId="{9124AB43-35BA-4565-A18D-DCBD218E02B4}" dt="2022-09-07T14:10:19.388" v="380"/>
          <ac:picMkLst>
            <pc:docMk/>
            <pc:sldMk cId="4238054709" sldId="591"/>
            <ac:picMk id="5" creationId="{5306F6B5-84B1-811B-1654-598FB4E4D80F}"/>
          </ac:picMkLst>
        </pc:picChg>
      </pc:sldChg>
      <pc:sldChg chg="addSp delSp modSp mod">
        <pc:chgData name="James Baker" userId="f8afbb75-f1fd-4aed-b24f-242c4ef9c955" providerId="ADAL" clId="{9124AB43-35BA-4565-A18D-DCBD218E02B4}" dt="2022-09-07T14:10:19.391" v="388"/>
        <pc:sldMkLst>
          <pc:docMk/>
          <pc:sldMk cId="651964336" sldId="592"/>
        </pc:sldMkLst>
        <pc:picChg chg="add del mod">
          <ac:chgData name="James Baker" userId="f8afbb75-f1fd-4aed-b24f-242c4ef9c955" providerId="ADAL" clId="{9124AB43-35BA-4565-A18D-DCBD218E02B4}" dt="2022-09-07T14:10:19.391" v="388"/>
          <ac:picMkLst>
            <pc:docMk/>
            <pc:sldMk cId="651964336" sldId="592"/>
            <ac:picMk id="8" creationId="{0D8E9F42-7D7C-96B1-2912-855E6A026732}"/>
          </ac:picMkLst>
        </pc:picChg>
      </pc:sldChg>
      <pc:sldChg chg="addSp delSp modSp mod">
        <pc:chgData name="James Baker" userId="f8afbb75-f1fd-4aed-b24f-242c4ef9c955" providerId="ADAL" clId="{9124AB43-35BA-4565-A18D-DCBD218E02B4}" dt="2022-09-07T14:10:19.393" v="404"/>
        <pc:sldMkLst>
          <pc:docMk/>
          <pc:sldMk cId="1300316425" sldId="593"/>
        </pc:sldMkLst>
        <pc:picChg chg="mod">
          <ac:chgData name="James Baker" userId="f8afbb75-f1fd-4aed-b24f-242c4ef9c955" providerId="ADAL" clId="{9124AB43-35BA-4565-A18D-DCBD218E02B4}" dt="2022-09-07T13:49:15.454" v="294" actId="1036"/>
          <ac:picMkLst>
            <pc:docMk/>
            <pc:sldMk cId="1300316425" sldId="593"/>
            <ac:picMk id="4" creationId="{D366C903-866F-603B-C065-104AB5F64B64}"/>
          </ac:picMkLst>
        </pc:picChg>
        <pc:picChg chg="add del mod">
          <ac:chgData name="James Baker" userId="f8afbb75-f1fd-4aed-b24f-242c4ef9c955" providerId="ADAL" clId="{9124AB43-35BA-4565-A18D-DCBD218E02B4}" dt="2022-09-07T14:10:19.392" v="396"/>
          <ac:picMkLst>
            <pc:docMk/>
            <pc:sldMk cId="1300316425" sldId="593"/>
            <ac:picMk id="6" creationId="{CF978664-2901-F9CA-9FB9-C12E852C1F25}"/>
          </ac:picMkLst>
        </pc:picChg>
        <pc:picChg chg="add del mod">
          <ac:chgData name="James Baker" userId="f8afbb75-f1fd-4aed-b24f-242c4ef9c955" providerId="ADAL" clId="{9124AB43-35BA-4565-A18D-DCBD218E02B4}" dt="2022-09-07T14:10:19.393" v="404"/>
          <ac:picMkLst>
            <pc:docMk/>
            <pc:sldMk cId="1300316425" sldId="593"/>
            <ac:picMk id="7" creationId="{6DAB0BAB-8B57-1718-9FF6-CB12962E3F4B}"/>
          </ac:picMkLst>
        </pc:picChg>
        <pc:picChg chg="ord">
          <ac:chgData name="James Baker" userId="f8afbb75-f1fd-4aed-b24f-242c4ef9c955" providerId="ADAL" clId="{9124AB43-35BA-4565-A18D-DCBD218E02B4}" dt="2022-09-07T13:48:56.424" v="286" actId="166"/>
          <ac:picMkLst>
            <pc:docMk/>
            <pc:sldMk cId="1300316425" sldId="593"/>
            <ac:picMk id="13" creationId="{AADA1422-798D-D963-7374-D416848CAC4D}"/>
          </ac:picMkLst>
        </pc:picChg>
      </pc:sldChg>
      <pc:sldChg chg="addSp delSp modSp mod delCm">
        <pc:chgData name="James Baker" userId="f8afbb75-f1fd-4aed-b24f-242c4ef9c955" providerId="ADAL" clId="{9124AB43-35BA-4565-A18D-DCBD218E02B4}" dt="2022-09-07T14:10:19.395" v="412"/>
        <pc:sldMkLst>
          <pc:docMk/>
          <pc:sldMk cId="3504227473" sldId="594"/>
        </pc:sldMkLst>
        <pc:picChg chg="add del mod">
          <ac:chgData name="James Baker" userId="f8afbb75-f1fd-4aed-b24f-242c4ef9c955" providerId="ADAL" clId="{9124AB43-35BA-4565-A18D-DCBD218E02B4}" dt="2022-09-07T14:10:19.395" v="412"/>
          <ac:picMkLst>
            <pc:docMk/>
            <pc:sldMk cId="3504227473" sldId="594"/>
            <ac:picMk id="5" creationId="{D03BB20A-B1C6-1244-D206-20594613F2DC}"/>
          </ac:picMkLst>
        </pc:picChg>
      </pc:sldChg>
      <pc:sldChg chg="addSp delSp modSp mod delCm">
        <pc:chgData name="James Baker" userId="f8afbb75-f1fd-4aed-b24f-242c4ef9c955" providerId="ADAL" clId="{9124AB43-35BA-4565-A18D-DCBD218E02B4}" dt="2022-09-07T14:10:19.396" v="420"/>
        <pc:sldMkLst>
          <pc:docMk/>
          <pc:sldMk cId="3412166811" sldId="596"/>
        </pc:sldMkLst>
        <pc:picChg chg="add del mod">
          <ac:chgData name="James Baker" userId="f8afbb75-f1fd-4aed-b24f-242c4ef9c955" providerId="ADAL" clId="{9124AB43-35BA-4565-A18D-DCBD218E02B4}" dt="2022-09-07T14:10:19.396" v="420"/>
          <ac:picMkLst>
            <pc:docMk/>
            <pc:sldMk cId="3412166811" sldId="596"/>
            <ac:picMk id="7" creationId="{D7C541C7-1BD2-0ED5-A5C2-401D38C2F365}"/>
          </ac:picMkLst>
        </pc:picChg>
      </pc:sldChg>
      <pc:sldChg chg="addSp delSp modSp mod addCm delCm">
        <pc:chgData name="James Baker" userId="f8afbb75-f1fd-4aed-b24f-242c4ef9c955" providerId="ADAL" clId="{9124AB43-35BA-4565-A18D-DCBD218E02B4}" dt="2022-09-07T14:10:19.397" v="428"/>
        <pc:sldMkLst>
          <pc:docMk/>
          <pc:sldMk cId="4058567645" sldId="597"/>
        </pc:sldMkLst>
        <pc:picChg chg="add del mod">
          <ac:chgData name="James Baker" userId="f8afbb75-f1fd-4aed-b24f-242c4ef9c955" providerId="ADAL" clId="{9124AB43-35BA-4565-A18D-DCBD218E02B4}" dt="2022-09-07T14:10:19.397" v="428"/>
          <ac:picMkLst>
            <pc:docMk/>
            <pc:sldMk cId="4058567645" sldId="597"/>
            <ac:picMk id="11" creationId="{9FEB73C0-F367-3A3F-A7CE-A62DD88729C1}"/>
          </ac:picMkLst>
        </pc:picChg>
      </pc:sldChg>
      <pc:sldChg chg="addSp delSp modSp mod">
        <pc:chgData name="James Baker" userId="f8afbb75-f1fd-4aed-b24f-242c4ef9c955" providerId="ADAL" clId="{9124AB43-35BA-4565-A18D-DCBD218E02B4}" dt="2022-09-07T14:10:19.400" v="444"/>
        <pc:sldMkLst>
          <pc:docMk/>
          <pc:sldMk cId="195441549" sldId="598"/>
        </pc:sldMkLst>
        <pc:picChg chg="add del mod">
          <ac:chgData name="James Baker" userId="f8afbb75-f1fd-4aed-b24f-242c4ef9c955" providerId="ADAL" clId="{9124AB43-35BA-4565-A18D-DCBD218E02B4}" dt="2022-09-07T14:10:19.399" v="436"/>
          <ac:picMkLst>
            <pc:docMk/>
            <pc:sldMk cId="195441549" sldId="598"/>
            <ac:picMk id="7" creationId="{A1E2DEAC-B903-22CC-8A4C-BD7ED00FABE6}"/>
          </ac:picMkLst>
        </pc:picChg>
        <pc:picChg chg="add del mod">
          <ac:chgData name="James Baker" userId="f8afbb75-f1fd-4aed-b24f-242c4ef9c955" providerId="ADAL" clId="{9124AB43-35BA-4565-A18D-DCBD218E02B4}" dt="2022-09-07T14:10:19.400" v="444"/>
          <ac:picMkLst>
            <pc:docMk/>
            <pc:sldMk cId="195441549" sldId="598"/>
            <ac:picMk id="8" creationId="{E81119E0-D94B-5529-E506-CFF6EFD0CD67}"/>
          </ac:picMkLst>
        </pc:picChg>
      </pc:sldChg>
      <pc:sldChg chg="addSp delSp modSp mod">
        <pc:chgData name="James Baker" userId="f8afbb75-f1fd-4aed-b24f-242c4ef9c955" providerId="ADAL" clId="{9124AB43-35BA-4565-A18D-DCBD218E02B4}" dt="2022-09-07T14:10:19.403" v="460"/>
        <pc:sldMkLst>
          <pc:docMk/>
          <pc:sldMk cId="3701629796" sldId="600"/>
        </pc:sldMkLst>
        <pc:picChg chg="add del mod">
          <ac:chgData name="James Baker" userId="f8afbb75-f1fd-4aed-b24f-242c4ef9c955" providerId="ADAL" clId="{9124AB43-35BA-4565-A18D-DCBD218E02B4}" dt="2022-09-07T14:10:19.403" v="460"/>
          <ac:picMkLst>
            <pc:docMk/>
            <pc:sldMk cId="3701629796" sldId="600"/>
            <ac:picMk id="5" creationId="{1E79615B-C478-81D2-1090-DF9ECA94FFF6}"/>
          </ac:picMkLst>
        </pc:picChg>
      </pc:sldChg>
      <pc:sldChg chg="addSp delSp modSp mod">
        <pc:chgData name="James Baker" userId="f8afbb75-f1fd-4aed-b24f-242c4ef9c955" providerId="ADAL" clId="{9124AB43-35BA-4565-A18D-DCBD218E02B4}" dt="2022-09-07T14:10:19.404" v="468"/>
        <pc:sldMkLst>
          <pc:docMk/>
          <pc:sldMk cId="3781509304" sldId="601"/>
        </pc:sldMkLst>
        <pc:picChg chg="add del mod">
          <ac:chgData name="James Baker" userId="f8afbb75-f1fd-4aed-b24f-242c4ef9c955" providerId="ADAL" clId="{9124AB43-35BA-4565-A18D-DCBD218E02B4}" dt="2022-09-07T14:10:19.404" v="468"/>
          <ac:picMkLst>
            <pc:docMk/>
            <pc:sldMk cId="3781509304" sldId="601"/>
            <ac:picMk id="5" creationId="{A067A524-D182-0566-7B98-AE3B0D3AAFC6}"/>
          </ac:picMkLst>
        </pc:picChg>
      </pc:sldChg>
      <pc:sldChg chg="addSp delSp modSp mod">
        <pc:chgData name="James Baker" userId="f8afbb75-f1fd-4aed-b24f-242c4ef9c955" providerId="ADAL" clId="{9124AB43-35BA-4565-A18D-DCBD218E02B4}" dt="2022-09-07T14:10:19.406" v="476"/>
        <pc:sldMkLst>
          <pc:docMk/>
          <pc:sldMk cId="3013960963" sldId="602"/>
        </pc:sldMkLst>
        <pc:picChg chg="add del mod">
          <ac:chgData name="James Baker" userId="f8afbb75-f1fd-4aed-b24f-242c4ef9c955" providerId="ADAL" clId="{9124AB43-35BA-4565-A18D-DCBD218E02B4}" dt="2022-09-07T14:10:19.406" v="476"/>
          <ac:picMkLst>
            <pc:docMk/>
            <pc:sldMk cId="3013960963" sldId="602"/>
            <ac:picMk id="7" creationId="{777B81EF-7AB6-5011-8F9E-D04F07F29B16}"/>
          </ac:picMkLst>
        </pc:picChg>
      </pc:sldChg>
      <pc:sldChg chg="addSp delSp modSp mod">
        <pc:chgData name="James Baker" userId="f8afbb75-f1fd-4aed-b24f-242c4ef9c955" providerId="ADAL" clId="{9124AB43-35BA-4565-A18D-DCBD218E02B4}" dt="2022-09-07T14:10:19.402" v="452"/>
        <pc:sldMkLst>
          <pc:docMk/>
          <pc:sldMk cId="1517754036" sldId="603"/>
        </pc:sldMkLst>
        <pc:picChg chg="add del mod">
          <ac:chgData name="James Baker" userId="f8afbb75-f1fd-4aed-b24f-242c4ef9c955" providerId="ADAL" clId="{9124AB43-35BA-4565-A18D-DCBD218E02B4}" dt="2022-09-07T14:10:19.402" v="452"/>
          <ac:picMkLst>
            <pc:docMk/>
            <pc:sldMk cId="1517754036" sldId="603"/>
            <ac:picMk id="9" creationId="{2B2CD66F-7EF8-A459-C5C1-EACCA7997A11}"/>
          </ac:picMkLst>
        </pc:picChg>
      </pc:sldChg>
      <pc:sldChg chg="modSp mod">
        <pc:chgData name="James Baker" userId="f8afbb75-f1fd-4aed-b24f-242c4ef9c955" providerId="ADAL" clId="{9124AB43-35BA-4565-A18D-DCBD218E02B4}" dt="2022-09-07T13:38:20.113" v="284" actId="20577"/>
        <pc:sldMkLst>
          <pc:docMk/>
          <pc:sldMk cId="2307217910" sldId="604"/>
        </pc:sldMkLst>
        <pc:spChg chg="mod">
          <ac:chgData name="James Baker" userId="f8afbb75-f1fd-4aed-b24f-242c4ef9c955" providerId="ADAL" clId="{9124AB43-35BA-4565-A18D-DCBD218E02B4}" dt="2022-09-07T13:38:20.113" v="284" actId="20577"/>
          <ac:spMkLst>
            <pc:docMk/>
            <pc:sldMk cId="2307217910" sldId="604"/>
            <ac:spMk id="2" creationId="{B356BF3F-47B8-2D4D-F67F-83D6D622579B}"/>
          </ac:spMkLst>
        </pc:spChg>
      </pc:sldChg>
      <pc:sldChg chg="addSp delSp modSp mod modAnim">
        <pc:chgData name="James Baker" userId="f8afbb75-f1fd-4aed-b24f-242c4ef9c955" providerId="ADAL" clId="{9124AB43-35BA-4565-A18D-DCBD218E02B4}" dt="2022-09-07T14:10:19.372" v="324"/>
        <pc:sldMkLst>
          <pc:docMk/>
          <pc:sldMk cId="1631004115" sldId="605"/>
        </pc:sldMkLst>
        <pc:picChg chg="add del mod">
          <ac:chgData name="James Baker" userId="f8afbb75-f1fd-4aed-b24f-242c4ef9c955" providerId="ADAL" clId="{9124AB43-35BA-4565-A18D-DCBD218E02B4}" dt="2022-09-07T14:10:19.372" v="324"/>
          <ac:picMkLst>
            <pc:docMk/>
            <pc:sldMk cId="1631004115" sldId="605"/>
            <ac:picMk id="13" creationId="{5E93F9EC-328B-68D8-5F63-846EE7A812E2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B9DB2E5-F275-9941-8B6D-BE71935BF39C}" type="datetimeFigureOut">
              <a:rPr lang="en-US" smtClean="0"/>
              <a:t>9/7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D57F36B-71A5-0D4D-B6AE-936854E6957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456019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D57F36B-71A5-0D4D-B6AE-936854E69576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948352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92113" y="719138"/>
            <a:ext cx="6408737" cy="3605212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42024">
              <a:defRPr/>
            </a:pPr>
            <a:endParaRPr lang="en-US">
              <a:cs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74E1AD5-4228-449E-A550-1E1A6698812D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28432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D57F36B-71A5-0D4D-B6AE-936854E69576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43743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D57F36B-71A5-0D4D-B6AE-936854E69576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274159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D57F36B-71A5-0D4D-B6AE-936854E69576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925424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446534" y="3085765"/>
            <a:ext cx="11262866" cy="3277800"/>
          </a:xfrm>
          <a:prstGeom prst="rect">
            <a:avLst/>
          </a:prstGeom>
          <a:solidFill>
            <a:srgbClr val="0BC3A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81191" y="3266672"/>
            <a:ext cx="10993549" cy="1749253"/>
          </a:xfrm>
          <a:effectLst/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81194" y="5089554"/>
            <a:ext cx="10993546" cy="590321"/>
          </a:xfrm>
        </p:spPr>
        <p:txBody>
          <a:bodyPr anchor="t">
            <a:normAutofit/>
          </a:bodyPr>
          <a:lstStyle>
            <a:lvl1pPr marL="0" indent="0" algn="l">
              <a:buNone/>
              <a:defRPr sz="1800" cap="all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pic>
        <p:nvPicPr>
          <p:cNvPr id="9" name="Picture 8" descr="A close up of a compass&#10;&#10;Description automatically generated with medium confidence">
            <a:extLst>
              <a:ext uri="{FF2B5EF4-FFF2-40B4-BE49-F238E27FC236}">
                <a16:creationId xmlns:a16="http://schemas.microsoft.com/office/drawing/2014/main" id="{D9925E2A-0A78-1047-8125-6E90B23DD80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alphaModFix amt="20000"/>
          </a:blip>
          <a:srcRect l="22524" t="1722" b="36826"/>
          <a:stretch/>
        </p:blipFill>
        <p:spPr>
          <a:xfrm>
            <a:off x="-1" y="3954736"/>
            <a:ext cx="4909899" cy="2903264"/>
          </a:xfrm>
          <a:prstGeom prst="rect">
            <a:avLst/>
          </a:prstGeo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CA3F690-A513-44A5-B76B-6CDB11AEE2A1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B77204CB-DA7B-410D-8B8D-256954918D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  <p:pic>
        <p:nvPicPr>
          <p:cNvPr id="10" name="Picture 9" descr="Text&#10;&#10;Description automatically generated">
            <a:extLst>
              <a:ext uri="{FF2B5EF4-FFF2-40B4-BE49-F238E27FC236}">
                <a16:creationId xmlns:a16="http://schemas.microsoft.com/office/drawing/2014/main" id="{101EC24A-4B15-4F73-AA95-A9B2D35E7250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440683" y="606554"/>
            <a:ext cx="11300036" cy="1258827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575894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pic>
        <p:nvPicPr>
          <p:cNvPr id="9" name="Picture 8" descr="Text&#10;&#10;Description automatically generated">
            <a:extLst>
              <a:ext uri="{FF2B5EF4-FFF2-40B4-BE49-F238E27FC236}">
                <a16:creationId xmlns:a16="http://schemas.microsoft.com/office/drawing/2014/main" id="{A165604F-56DA-40E1-976C-1DDF57A59FF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8E2EC7E3-8113-43DB-A88A-1214A711925A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BF8CF08-8D6E-45F6-8BE8-B7128A494E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53150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close up of a compass&#10;&#10;Description automatically generated with medium confidence">
            <a:extLst>
              <a:ext uri="{FF2B5EF4-FFF2-40B4-BE49-F238E27FC236}">
                <a16:creationId xmlns:a16="http://schemas.microsoft.com/office/drawing/2014/main" id="{924A20B6-BDA9-3247-A5ED-A1F3DB54739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alphaModFix amt="20000"/>
          </a:blip>
          <a:srcRect l="22524" t="1722" b="36826"/>
          <a:stretch/>
        </p:blipFill>
        <p:spPr>
          <a:xfrm>
            <a:off x="-1" y="3954736"/>
            <a:ext cx="4909899" cy="2903264"/>
          </a:xfrm>
          <a:prstGeom prst="rect">
            <a:avLst/>
          </a:prstGeom>
        </p:spPr>
      </p:pic>
      <p:pic>
        <p:nvPicPr>
          <p:cNvPr id="7" name="Picture 6" descr="Text&#10;&#10;Description automatically generated">
            <a:extLst>
              <a:ext uri="{FF2B5EF4-FFF2-40B4-BE49-F238E27FC236}">
                <a16:creationId xmlns:a16="http://schemas.microsoft.com/office/drawing/2014/main" id="{A0D95C50-5A3F-4C84-A492-407F14E168A8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790F97B9-2D75-4741-B4AE-ECC05E79B085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6D9D0825-6978-43B1-BDC1-60FAEA2135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Text&#10;&#10;Description automatically generated">
            <a:extLst>
              <a:ext uri="{FF2B5EF4-FFF2-40B4-BE49-F238E27FC236}">
                <a16:creationId xmlns:a16="http://schemas.microsoft.com/office/drawing/2014/main" id="{1C9A8B80-03A2-4B9B-ACCA-F1FB967B53E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A290FA6D-D9DA-4C37-9A25-C499411EBF0E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8CD6C903-844A-4251-8F8A-E3CEE21AAE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536900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>
            <a:spLocks noChangeAspect="1"/>
          </p:cNvSpPr>
          <p:nvPr/>
        </p:nvSpPr>
        <p:spPr>
          <a:xfrm>
            <a:off x="447816" y="4969702"/>
            <a:ext cx="11298200" cy="1274702"/>
          </a:xfrm>
          <a:prstGeom prst="rect">
            <a:avLst/>
          </a:prstGeom>
          <a:solidFill>
            <a:srgbClr val="0BC3A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5262296"/>
            <a:ext cx="4909445" cy="689514"/>
          </a:xfrm>
        </p:spPr>
        <p:txBody>
          <a:bodyPr anchor="ctr"/>
          <a:lstStyle>
            <a:lvl1pPr algn="l">
              <a:defRPr sz="2000" b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47816" y="601200"/>
            <a:ext cx="11292840" cy="4204800"/>
          </a:xfrm>
        </p:spPr>
        <p:txBody>
          <a:bodyPr anchor="ctr">
            <a:normAutofit/>
          </a:bodyPr>
          <a:lstStyle>
            <a:lvl1pPr>
              <a:defRPr sz="2000">
                <a:solidFill>
                  <a:schemeClr val="tx2"/>
                </a:solidFill>
              </a:defRPr>
            </a:lvl1pPr>
            <a:lvl2pPr>
              <a:defRPr sz="1800">
                <a:solidFill>
                  <a:schemeClr val="tx2"/>
                </a:solidFill>
              </a:defRPr>
            </a:lvl2pPr>
            <a:lvl3pPr>
              <a:defRPr sz="1600">
                <a:solidFill>
                  <a:schemeClr val="tx2"/>
                </a:solidFill>
              </a:defRPr>
            </a:lvl3pPr>
            <a:lvl4pPr>
              <a:defRPr sz="1400">
                <a:solidFill>
                  <a:schemeClr val="tx2"/>
                </a:solidFill>
              </a:defRPr>
            </a:lvl4pPr>
            <a:lvl5pPr>
              <a:defRPr sz="1400">
                <a:solidFill>
                  <a:schemeClr val="tx2"/>
                </a:solidFill>
              </a:defRPr>
            </a:lvl5pPr>
            <a:lvl6pPr>
              <a:defRPr sz="1400">
                <a:solidFill>
                  <a:schemeClr val="tx2"/>
                </a:solidFill>
              </a:defRPr>
            </a:lvl6pPr>
            <a:lvl7pPr>
              <a:defRPr sz="1400">
                <a:solidFill>
                  <a:schemeClr val="tx2"/>
                </a:solidFill>
              </a:defRPr>
            </a:lvl7pPr>
            <a:lvl8pPr>
              <a:defRPr sz="1400">
                <a:solidFill>
                  <a:schemeClr val="tx2"/>
                </a:solidFill>
              </a:defRPr>
            </a:lvl8pPr>
            <a:lvl9pPr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740823" y="5262296"/>
            <a:ext cx="5869987" cy="689515"/>
          </a:xfrm>
        </p:spPr>
        <p:txBody>
          <a:bodyPr anchor="ctr">
            <a:normAutofit/>
          </a:bodyPr>
          <a:lstStyle>
            <a:lvl1pPr marL="0" indent="0" algn="r">
              <a:buNone/>
              <a:defRPr sz="1100">
                <a:solidFill>
                  <a:schemeClr val="tx1"/>
                </a:solidFill>
              </a:defRPr>
            </a:lvl1pPr>
            <a:lvl2pPr marL="457200" indent="0">
              <a:buNone/>
              <a:defRPr sz="11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1" name="Picture 10" descr="Text&#10;&#10;Description automatically generated">
            <a:extLst>
              <a:ext uri="{FF2B5EF4-FFF2-40B4-BE49-F238E27FC236}">
                <a16:creationId xmlns:a16="http://schemas.microsoft.com/office/drawing/2014/main" id="{071D3F33-3AFF-485B-99DD-BEFC0623B20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4842F20A-0D6A-41AF-800F-98D0EEDAC129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30AE2AAC-B90A-4CA6-BE3C-C129E10831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4693389"/>
            <a:ext cx="11029616" cy="566738"/>
          </a:xfrm>
        </p:spPr>
        <p:txBody>
          <a:bodyPr anchor="b">
            <a:normAutofit/>
          </a:bodyPr>
          <a:lstStyle>
            <a:lvl1pPr algn="l">
              <a:defRPr sz="2400" b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47817" y="599725"/>
            <a:ext cx="11290859" cy="3557252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81192" y="5260127"/>
            <a:ext cx="11029617" cy="598671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8" name="Picture 7" descr="A close up of a compass&#10;&#10;Description automatically generated with medium confidence">
            <a:extLst>
              <a:ext uri="{FF2B5EF4-FFF2-40B4-BE49-F238E27FC236}">
                <a16:creationId xmlns:a16="http://schemas.microsoft.com/office/drawing/2014/main" id="{F33383FA-7D3F-D143-9437-3C73048A9D7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alphaModFix amt="20000"/>
          </a:blip>
          <a:srcRect l="22524" t="1722" b="36826"/>
          <a:stretch/>
        </p:blipFill>
        <p:spPr>
          <a:xfrm>
            <a:off x="-1" y="3954736"/>
            <a:ext cx="4909899" cy="2903264"/>
          </a:xfrm>
          <a:prstGeom prst="rect">
            <a:avLst/>
          </a:prstGeom>
        </p:spPr>
      </p:pic>
      <p:pic>
        <p:nvPicPr>
          <p:cNvPr id="10" name="Picture 9" descr="Text&#10;&#10;Description automatically generated">
            <a:extLst>
              <a:ext uri="{FF2B5EF4-FFF2-40B4-BE49-F238E27FC236}">
                <a16:creationId xmlns:a16="http://schemas.microsoft.com/office/drawing/2014/main" id="{824B1116-B1A2-4060-B759-9C8AD0CA286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0351F94E-80C1-4925-9473-BDBD6ADF5FBA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6D2E0866-5116-4B9D-8350-0C83C76192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1_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4693389"/>
            <a:ext cx="11029616" cy="566738"/>
          </a:xfrm>
        </p:spPr>
        <p:txBody>
          <a:bodyPr anchor="b">
            <a:normAutofit/>
          </a:bodyPr>
          <a:lstStyle>
            <a:lvl1pPr algn="l">
              <a:defRPr sz="2400" b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47817" y="599725"/>
            <a:ext cx="11290859" cy="3557252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81192" y="5260127"/>
            <a:ext cx="11029617" cy="598671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Slide Number Placeholder 5">
            <a:extLst>
              <a:ext uri="{FF2B5EF4-FFF2-40B4-BE49-F238E27FC236}">
                <a16:creationId xmlns:a16="http://schemas.microsoft.com/office/drawing/2014/main" id="{E822AE2E-3D22-DD49-865C-DA5209A1423A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6" name="Footer Placeholder 4">
            <a:extLst>
              <a:ext uri="{FF2B5EF4-FFF2-40B4-BE49-F238E27FC236}">
                <a16:creationId xmlns:a16="http://schemas.microsoft.com/office/drawing/2014/main" id="{5FD93691-A25D-F548-8AAD-4DF3BBB247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  <p:pic>
        <p:nvPicPr>
          <p:cNvPr id="9" name="Picture 8" descr="Text&#10;&#10;Description automatically generated">
            <a:extLst>
              <a:ext uri="{FF2B5EF4-FFF2-40B4-BE49-F238E27FC236}">
                <a16:creationId xmlns:a16="http://schemas.microsoft.com/office/drawing/2014/main" id="{C1155746-5402-4BD5-A75F-A422ACC5364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359891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>
            <a:spLocks noChangeAspect="1"/>
          </p:cNvSpPr>
          <p:nvPr/>
        </p:nvSpPr>
        <p:spPr>
          <a:xfrm>
            <a:off x="447817" y="5141973"/>
            <a:ext cx="11298200" cy="1221592"/>
          </a:xfrm>
          <a:prstGeom prst="rect">
            <a:avLst/>
          </a:prstGeom>
          <a:solidFill>
            <a:srgbClr val="0BC3A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5262296"/>
            <a:ext cx="11029618" cy="689514"/>
          </a:xfrm>
        </p:spPr>
        <p:txBody>
          <a:bodyPr anchor="ctr"/>
          <a:lstStyle>
            <a:lvl1pPr algn="l">
              <a:defRPr sz="2000"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47816" y="601200"/>
            <a:ext cx="11292840" cy="4204800"/>
          </a:xfrm>
        </p:spPr>
        <p:txBody>
          <a:bodyPr anchor="ctr">
            <a:normAutofit/>
          </a:bodyPr>
          <a:lstStyle>
            <a:lvl1pPr>
              <a:defRPr sz="2000">
                <a:solidFill>
                  <a:schemeClr val="tx2"/>
                </a:solidFill>
              </a:defRPr>
            </a:lvl1pPr>
            <a:lvl2pPr>
              <a:defRPr sz="1800">
                <a:solidFill>
                  <a:schemeClr val="tx2"/>
                </a:solidFill>
              </a:defRPr>
            </a:lvl2pPr>
            <a:lvl3pPr>
              <a:defRPr sz="1600">
                <a:solidFill>
                  <a:schemeClr val="tx2"/>
                </a:solidFill>
              </a:defRPr>
            </a:lvl3pPr>
            <a:lvl4pPr>
              <a:defRPr sz="1400">
                <a:solidFill>
                  <a:schemeClr val="tx2"/>
                </a:solidFill>
              </a:defRPr>
            </a:lvl4pPr>
            <a:lvl5pPr>
              <a:defRPr sz="1400">
                <a:solidFill>
                  <a:schemeClr val="tx2"/>
                </a:solidFill>
              </a:defRPr>
            </a:lvl5pPr>
            <a:lvl6pPr>
              <a:defRPr sz="1400">
                <a:solidFill>
                  <a:schemeClr val="tx2"/>
                </a:solidFill>
              </a:defRPr>
            </a:lvl6pPr>
            <a:lvl7pPr>
              <a:defRPr sz="1400">
                <a:solidFill>
                  <a:schemeClr val="tx2"/>
                </a:solidFill>
              </a:defRPr>
            </a:lvl7pPr>
            <a:lvl8pPr>
              <a:defRPr sz="1400">
                <a:solidFill>
                  <a:schemeClr val="tx2"/>
                </a:solidFill>
              </a:defRPr>
            </a:lvl8pPr>
            <a:lvl9pPr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445983" y="6447761"/>
            <a:ext cx="1052510" cy="365125"/>
          </a:xfrm>
          <a:prstGeom prst="rect">
            <a:avLst/>
          </a:prstGeom>
        </p:spPr>
        <p:txBody>
          <a:bodyPr/>
          <a:lstStyle>
            <a:lvl1pPr algn="l">
              <a:defRPr>
                <a:solidFill>
                  <a:schemeClr val="tx1"/>
                </a:solidFill>
              </a:defRPr>
            </a:lvl1pPr>
          </a:lstStyle>
          <a:p>
            <a:fld id="{D57F1E4F-1CFF-5643-939E-217C01CDF565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8" name="Picture 7" descr="Text&#10;&#10;Description automatically generated">
            <a:extLst>
              <a:ext uri="{FF2B5EF4-FFF2-40B4-BE49-F238E27FC236}">
                <a16:creationId xmlns:a16="http://schemas.microsoft.com/office/drawing/2014/main" id="{AE6F9822-FB1E-4CEF-A863-77CC8DBC6EC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54579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446534" y="3085765"/>
            <a:ext cx="11262866" cy="3277800"/>
          </a:xfrm>
          <a:prstGeom prst="rect">
            <a:avLst/>
          </a:prstGeom>
          <a:solidFill>
            <a:srgbClr val="0BC3A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81191" y="3266672"/>
            <a:ext cx="10993549" cy="1749253"/>
          </a:xfrm>
          <a:effectLst/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81194" y="5089554"/>
            <a:ext cx="10993546" cy="590321"/>
          </a:xfrm>
        </p:spPr>
        <p:txBody>
          <a:bodyPr anchor="t">
            <a:normAutofit/>
          </a:bodyPr>
          <a:lstStyle>
            <a:lvl1pPr marL="0" indent="0" algn="l">
              <a:buNone/>
              <a:defRPr sz="1800" cap="all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5" name="Slide Number Placeholder 5">
            <a:extLst>
              <a:ext uri="{FF2B5EF4-FFF2-40B4-BE49-F238E27FC236}">
                <a16:creationId xmlns:a16="http://schemas.microsoft.com/office/drawing/2014/main" id="{D57BC5AF-1817-4ECE-961D-A73E2E822708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316A83-1A5D-4CA2-9E0A-8C61C22D97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  <p:pic>
        <p:nvPicPr>
          <p:cNvPr id="8" name="Picture 7" descr="Text&#10;&#10;Description automatically generated">
            <a:extLst>
              <a:ext uri="{FF2B5EF4-FFF2-40B4-BE49-F238E27FC236}">
                <a16:creationId xmlns:a16="http://schemas.microsoft.com/office/drawing/2014/main" id="{6B245F2A-50FF-4080-9B7F-95B16F1CFD1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509626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440286" y="614407"/>
            <a:ext cx="11309338" cy="118929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0138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192" y="2180496"/>
            <a:ext cx="11029615" cy="367830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8" name="Picture 7" descr="A close up of a compass&#10;&#10;Description automatically generated with medium confidence">
            <a:extLst>
              <a:ext uri="{FF2B5EF4-FFF2-40B4-BE49-F238E27FC236}">
                <a16:creationId xmlns:a16="http://schemas.microsoft.com/office/drawing/2014/main" id="{E3DDDBAE-7F79-C647-9900-AC13517E5F4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alphaModFix amt="20000"/>
          </a:blip>
          <a:srcRect l="22524" t="1722" b="36826"/>
          <a:stretch/>
        </p:blipFill>
        <p:spPr>
          <a:xfrm>
            <a:off x="-1" y="3954736"/>
            <a:ext cx="4909899" cy="2903264"/>
          </a:xfrm>
          <a:prstGeom prst="rect">
            <a:avLst/>
          </a:prstGeom>
        </p:spPr>
      </p:pic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7F4C816E-F0F4-4C4E-997E-35AA904BBDB7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DCDF55C1-49A7-416C-912A-0138D02EE9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  <p:pic>
        <p:nvPicPr>
          <p:cNvPr id="13" name="Picture 12" descr="Text&#10;&#10;Description automatically generated">
            <a:extLst>
              <a:ext uri="{FF2B5EF4-FFF2-40B4-BE49-F238E27FC236}">
                <a16:creationId xmlns:a16="http://schemas.microsoft.com/office/drawing/2014/main" id="{D8E65E06-4914-4C4F-A2FF-5E9DEA0AA09F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440286" y="614407"/>
            <a:ext cx="11309338" cy="118929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0138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192" y="2180496"/>
            <a:ext cx="11029615" cy="367830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57864D1C-D53A-4C07-8F9F-88F04A7D33D7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164601DF-DE17-4DB3-8069-E8E5F8F5E6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  <p:pic>
        <p:nvPicPr>
          <p:cNvPr id="13" name="Picture 12" descr="Text&#10;&#10;Description automatically generated">
            <a:extLst>
              <a:ext uri="{FF2B5EF4-FFF2-40B4-BE49-F238E27FC236}">
                <a16:creationId xmlns:a16="http://schemas.microsoft.com/office/drawing/2014/main" id="{5B01AE10-369F-483F-806C-9682394C3F7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777985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>
            <a:spLocks noChangeAspect="1"/>
          </p:cNvSpPr>
          <p:nvPr/>
        </p:nvSpPr>
        <p:spPr>
          <a:xfrm>
            <a:off x="447817" y="5141974"/>
            <a:ext cx="11290860" cy="122159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3043910"/>
            <a:ext cx="11029615" cy="1497507"/>
          </a:xfrm>
          <a:ln>
            <a:noFill/>
          </a:ln>
        </p:spPr>
        <p:txBody>
          <a:bodyPr anchor="b">
            <a:normAutofit/>
          </a:bodyPr>
          <a:lstStyle>
            <a:lvl1pPr algn="l">
              <a:defRPr sz="3600" b="0" cap="all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4541417"/>
            <a:ext cx="11029615" cy="600556"/>
          </a:xfrm>
        </p:spPr>
        <p:txBody>
          <a:bodyPr anchor="t">
            <a:normAutofit/>
          </a:bodyPr>
          <a:lstStyle>
            <a:lvl1pPr marL="0" indent="0" algn="l">
              <a:buNone/>
              <a:defRPr sz="1800" cap="all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2476F7D6-684C-4697-B29B-96038A67BA84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61361656-8274-4CB8-AAD2-EA2D90A302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  <p:pic>
        <p:nvPicPr>
          <p:cNvPr id="12" name="Picture 11" descr="Text&#10;&#10;Description automatically generated">
            <a:extLst>
              <a:ext uri="{FF2B5EF4-FFF2-40B4-BE49-F238E27FC236}">
                <a16:creationId xmlns:a16="http://schemas.microsoft.com/office/drawing/2014/main" id="{EBD9FFAD-684A-4535-8822-45777034F67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>
            <a:spLocks noChangeAspect="1"/>
          </p:cNvSpPr>
          <p:nvPr/>
        </p:nvSpPr>
        <p:spPr>
          <a:xfrm>
            <a:off x="445982" y="606554"/>
            <a:ext cx="11300036" cy="977047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67644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81193" y="1784128"/>
            <a:ext cx="5422390" cy="363304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88417" y="1784128"/>
            <a:ext cx="5422392" cy="363304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9" name="Picture 8" descr="A close up of a compass&#10;&#10;Description automatically generated with medium confidence">
            <a:extLst>
              <a:ext uri="{FF2B5EF4-FFF2-40B4-BE49-F238E27FC236}">
                <a16:creationId xmlns:a16="http://schemas.microsoft.com/office/drawing/2014/main" id="{D48B2C02-7EF7-4E42-9776-8B622457C2E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alphaModFix amt="20000"/>
          </a:blip>
          <a:srcRect l="22524" t="1722" b="36826"/>
          <a:stretch/>
        </p:blipFill>
        <p:spPr>
          <a:xfrm>
            <a:off x="-1" y="3954736"/>
            <a:ext cx="4909899" cy="2903264"/>
          </a:xfrm>
          <a:prstGeom prst="rect">
            <a:avLst/>
          </a:prstGeom>
        </p:spPr>
      </p:pic>
      <p:pic>
        <p:nvPicPr>
          <p:cNvPr id="6" name="Picture 5" descr="Text&#10;&#10;Description automatically generated">
            <a:extLst>
              <a:ext uri="{FF2B5EF4-FFF2-40B4-BE49-F238E27FC236}">
                <a16:creationId xmlns:a16="http://schemas.microsoft.com/office/drawing/2014/main" id="{A847D0E1-FB6A-49C6-B38B-04D5F2CE2AE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A40EA90F-4B5E-41F6-A502-4DC7F140BBA5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F1058C8E-A9E3-4033-A460-E82DA05F6C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>
            <a:spLocks noChangeAspect="1"/>
          </p:cNvSpPr>
          <p:nvPr/>
        </p:nvSpPr>
        <p:spPr>
          <a:xfrm>
            <a:off x="445982" y="606554"/>
            <a:ext cx="11300036" cy="1258827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3" y="2250892"/>
            <a:ext cx="5393102" cy="536005"/>
          </a:xfrm>
        </p:spPr>
        <p:txBody>
          <a:bodyPr anchor="b">
            <a:noAutofit/>
          </a:bodyPr>
          <a:lstStyle>
            <a:lvl1pPr marL="0" indent="0">
              <a:buNone/>
              <a:defRPr sz="22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1194" y="2926052"/>
            <a:ext cx="5393100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709" y="2250892"/>
            <a:ext cx="5393100" cy="553373"/>
          </a:xfrm>
        </p:spPr>
        <p:txBody>
          <a:bodyPr anchor="b">
            <a:noAutofit/>
          </a:bodyPr>
          <a:lstStyle>
            <a:lvl1pPr marL="0" indent="0">
              <a:buNone/>
              <a:defRPr sz="22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709" y="2926052"/>
            <a:ext cx="5393100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13" name="Picture 12" descr="A close up of a compass&#10;&#10;Description automatically generated with medium confidence">
            <a:extLst>
              <a:ext uri="{FF2B5EF4-FFF2-40B4-BE49-F238E27FC236}">
                <a16:creationId xmlns:a16="http://schemas.microsoft.com/office/drawing/2014/main" id="{D4DB14B7-5004-5941-A0F4-A4FCB466835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alphaModFix amt="20000"/>
          </a:blip>
          <a:srcRect l="22524" t="1722" b="36826"/>
          <a:stretch/>
        </p:blipFill>
        <p:spPr>
          <a:xfrm>
            <a:off x="-1" y="3954736"/>
            <a:ext cx="4909899" cy="2903264"/>
          </a:xfrm>
          <a:prstGeom prst="rect">
            <a:avLst/>
          </a:prstGeom>
        </p:spPr>
      </p:pic>
      <p:pic>
        <p:nvPicPr>
          <p:cNvPr id="14" name="Picture 13" descr="Text&#10;&#10;Description automatically generated">
            <a:extLst>
              <a:ext uri="{FF2B5EF4-FFF2-40B4-BE49-F238E27FC236}">
                <a16:creationId xmlns:a16="http://schemas.microsoft.com/office/drawing/2014/main" id="{87EF459F-52D8-4415-A90D-80B1788310E4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  <p:sp>
        <p:nvSpPr>
          <p:cNvPr id="15" name="Slide Number Placeholder 5">
            <a:extLst>
              <a:ext uri="{FF2B5EF4-FFF2-40B4-BE49-F238E27FC236}">
                <a16:creationId xmlns:a16="http://schemas.microsoft.com/office/drawing/2014/main" id="{897D4026-C32D-42AE-87C9-99032E688EFC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4FF38817-C092-4437-B379-9362292433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1_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>
            <a:spLocks noChangeAspect="1"/>
          </p:cNvSpPr>
          <p:nvPr/>
        </p:nvSpPr>
        <p:spPr>
          <a:xfrm>
            <a:off x="445982" y="606554"/>
            <a:ext cx="11300036" cy="1258827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3" y="2250892"/>
            <a:ext cx="5393102" cy="536005"/>
          </a:xfrm>
        </p:spPr>
        <p:txBody>
          <a:bodyPr anchor="b">
            <a:noAutofit/>
          </a:bodyPr>
          <a:lstStyle>
            <a:lvl1pPr marL="0" indent="0">
              <a:buNone/>
              <a:defRPr sz="22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1194" y="2926052"/>
            <a:ext cx="5393100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709" y="2250892"/>
            <a:ext cx="5393100" cy="553373"/>
          </a:xfrm>
        </p:spPr>
        <p:txBody>
          <a:bodyPr anchor="b">
            <a:noAutofit/>
          </a:bodyPr>
          <a:lstStyle>
            <a:lvl1pPr marL="0" indent="0">
              <a:buNone/>
              <a:defRPr sz="22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709" y="2926052"/>
            <a:ext cx="5393100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13" name="Picture 12" descr="Text&#10;&#10;Description automatically generated">
            <a:extLst>
              <a:ext uri="{FF2B5EF4-FFF2-40B4-BE49-F238E27FC236}">
                <a16:creationId xmlns:a16="http://schemas.microsoft.com/office/drawing/2014/main" id="{119AA119-E748-4437-B95C-62C36B6E467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85D04703-26DD-4492-8180-3DBA485318E9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90397F01-BBB1-4AF2-B0BA-12AF8B8B4D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401523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440683" y="606554"/>
            <a:ext cx="11300036" cy="1258827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575894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pic>
        <p:nvPicPr>
          <p:cNvPr id="9" name="Picture 8" descr="A close up of a compass&#10;&#10;Description automatically generated with medium confidence">
            <a:extLst>
              <a:ext uri="{FF2B5EF4-FFF2-40B4-BE49-F238E27FC236}">
                <a16:creationId xmlns:a16="http://schemas.microsoft.com/office/drawing/2014/main" id="{CA640081-A8AD-4448-9B82-761EDBCC9B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alphaModFix amt="20000"/>
          </a:blip>
          <a:srcRect l="22524" t="1722" b="36826"/>
          <a:stretch/>
        </p:blipFill>
        <p:spPr>
          <a:xfrm>
            <a:off x="-1" y="3954736"/>
            <a:ext cx="4909899" cy="2903264"/>
          </a:xfrm>
          <a:prstGeom prst="rect">
            <a:avLst/>
          </a:prstGeom>
        </p:spPr>
      </p:pic>
      <p:pic>
        <p:nvPicPr>
          <p:cNvPr id="10" name="Picture 9" descr="Text&#10;&#10;Description automatically generated">
            <a:extLst>
              <a:ext uri="{FF2B5EF4-FFF2-40B4-BE49-F238E27FC236}">
                <a16:creationId xmlns:a16="http://schemas.microsoft.com/office/drawing/2014/main" id="{3C42A545-3E7C-4D14-B1A3-A7F5139838AE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DEBA60AB-17C2-431E-BA67-FE0DDD06D438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9D9D4BCF-2C9C-44BF-B496-C0C93B992A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/>
            </a:lvl1pPr>
          </a:lstStyle>
          <a:p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81192" y="705124"/>
            <a:ext cx="11029616" cy="676415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1534465"/>
            <a:ext cx="11029616" cy="4766944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Rectangle 8"/>
          <p:cNvSpPr/>
          <p:nvPr/>
        </p:nvSpPr>
        <p:spPr>
          <a:xfrm>
            <a:off x="446534" y="457200"/>
            <a:ext cx="3703320" cy="94997"/>
          </a:xfrm>
          <a:prstGeom prst="rect">
            <a:avLst/>
          </a:prstGeom>
          <a:solidFill>
            <a:srgbClr val="0BC3A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8042147" y="453643"/>
            <a:ext cx="3703320" cy="98554"/>
          </a:xfrm>
          <a:prstGeom prst="rect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11" name="Rectangle 10"/>
          <p:cNvSpPr/>
          <p:nvPr/>
        </p:nvSpPr>
        <p:spPr>
          <a:xfrm>
            <a:off x="4241830" y="457200"/>
            <a:ext cx="3703320" cy="91440"/>
          </a:xfrm>
          <a:prstGeom prst="rect">
            <a:avLst/>
          </a:prstGeom>
          <a:solidFill>
            <a:srgbClr val="0D877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C36175A6-742F-4A2A-B184-C50EEB6B312B}"/>
              </a:ext>
            </a:extLst>
          </p:cNvPr>
          <p:cNvSpPr txBox="1">
            <a:spLocks/>
          </p:cNvSpPr>
          <p:nvPr userDrawn="1"/>
        </p:nvSpPr>
        <p:spPr>
          <a:xfrm>
            <a:off x="581192" y="6471187"/>
            <a:ext cx="105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900" b="0" i="0" kern="120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D57F1E4F-1CFF-5643-939E-217C01CDF565}" type="slidenum">
              <a:rPr lang="en-US" smtClean="0"/>
              <a:pPr algn="l"/>
              <a:t>‹#›</a:t>
            </a:fld>
            <a:endParaRPr lang="en-US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B7356BC-314C-4168-A94C-730FB5597D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261450" y="6468666"/>
            <a:ext cx="3513787" cy="365125"/>
          </a:xfrm>
          <a:prstGeom prst="rect">
            <a:avLst/>
          </a:prstGeom>
        </p:spPr>
        <p:txBody>
          <a:bodyPr/>
          <a:lstStyle>
            <a:lvl1pPr algn="ctr">
              <a:defRPr sz="90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endParaRPr lang="en-US"/>
          </a:p>
        </p:txBody>
      </p:sp>
      <p:pic>
        <p:nvPicPr>
          <p:cNvPr id="14" name="Picture 13" descr="Text&#10;&#10;Description automatically generated">
            <a:extLst>
              <a:ext uri="{FF2B5EF4-FFF2-40B4-BE49-F238E27FC236}">
                <a16:creationId xmlns:a16="http://schemas.microsoft.com/office/drawing/2014/main" id="{46EBB846-5FEF-47DC-A65E-275BBC81533F}"/>
              </a:ext>
            </a:extLst>
          </p:cNvPr>
          <p:cNvPicPr>
            <a:picLocks noChangeAspect="1"/>
          </p:cNvPicPr>
          <p:nvPr userDrawn="1"/>
        </p:nvPicPr>
        <p:blipFill>
          <a:blip r:embed="rId18"/>
          <a:stretch>
            <a:fillRect/>
          </a:stretch>
        </p:blipFill>
        <p:spPr>
          <a:xfrm>
            <a:off x="9869221" y="6363565"/>
            <a:ext cx="1946694" cy="324449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2" r:id="rId2"/>
    <p:sldLayoutId id="2147483650" r:id="rId3"/>
    <p:sldLayoutId id="2147483661" r:id="rId4"/>
    <p:sldLayoutId id="2147483651" r:id="rId5"/>
    <p:sldLayoutId id="2147483652" r:id="rId6"/>
    <p:sldLayoutId id="2147483653" r:id="rId7"/>
    <p:sldLayoutId id="2147483660" r:id="rId8"/>
    <p:sldLayoutId id="2147483654" r:id="rId9"/>
    <p:sldLayoutId id="2147483659" r:id="rId10"/>
    <p:sldLayoutId id="2147483655" r:id="rId11"/>
    <p:sldLayoutId id="2147483658" r:id="rId12"/>
    <p:sldLayoutId id="2147483656" r:id="rId13"/>
    <p:sldLayoutId id="2147483657" r:id="rId14"/>
    <p:sldLayoutId id="2147483663" r:id="rId15"/>
    <p:sldLayoutId id="2147483664" r:id="rId16"/>
  </p:sldLayoutIdLst>
  <p:hf hdr="0" ftr="0"/>
  <p:txStyles>
    <p:titleStyle>
      <a:lvl1pPr algn="l" defTabSz="457200" rtl="0" eaLnBrk="1" latinLnBrk="0" hangingPunct="1">
        <a:spcBef>
          <a:spcPct val="0"/>
        </a:spcBef>
        <a:buNone/>
        <a:defRPr sz="2800" b="1" i="0" kern="1200" cap="all">
          <a:solidFill>
            <a:schemeClr val="tx1">
              <a:lumMod val="50000"/>
              <a:lumOff val="50000"/>
            </a:schemeClr>
          </a:solidFill>
          <a:latin typeface="Open Sans SemiBold" panose="020B0606030504020204" pitchFamily="34" charset="0"/>
          <a:ea typeface="Open Sans SemiBold" panose="020B0606030504020204" pitchFamily="34" charset="0"/>
          <a:cs typeface="Open Sans SemiBold" panose="020B0606030504020204" pitchFamily="34" charset="0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06000" indent="-306000" algn="l" defTabSz="457200" rtl="0" eaLnBrk="1" latinLnBrk="0" hangingPunct="1">
        <a:spcBef>
          <a:spcPct val="20000"/>
        </a:spcBef>
        <a:spcAft>
          <a:spcPts val="600"/>
        </a:spcAft>
        <a:buClr>
          <a:schemeClr val="tx1">
            <a:lumMod val="50000"/>
            <a:lumOff val="50000"/>
          </a:schemeClr>
        </a:buClr>
        <a:buSzPct val="92000"/>
        <a:buFont typeface="Courier New" panose="02070309020205020404" pitchFamily="49" charset="0"/>
        <a:buChar char="o"/>
        <a:defRPr sz="2000" b="0" i="0" kern="1200">
          <a:solidFill>
            <a:schemeClr val="tx2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1pPr>
      <a:lvl2pPr marL="630000" indent="-306000" algn="l" defTabSz="457200" rtl="0" eaLnBrk="1" latinLnBrk="0" hangingPunct="1">
        <a:spcBef>
          <a:spcPct val="20000"/>
        </a:spcBef>
        <a:spcAft>
          <a:spcPts val="600"/>
        </a:spcAft>
        <a:buClr>
          <a:schemeClr val="tx1">
            <a:lumMod val="50000"/>
            <a:lumOff val="50000"/>
          </a:schemeClr>
        </a:buClr>
        <a:buSzPct val="92000"/>
        <a:buFont typeface="Courier New" panose="02070309020205020404" pitchFamily="49" charset="0"/>
        <a:buChar char="o"/>
        <a:defRPr sz="1800" b="0" i="0" kern="1200">
          <a:solidFill>
            <a:schemeClr val="tx2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2pPr>
      <a:lvl3pPr marL="900000" indent="-270000" algn="l" defTabSz="457200" rtl="0" eaLnBrk="1" latinLnBrk="0" hangingPunct="1">
        <a:spcBef>
          <a:spcPct val="20000"/>
        </a:spcBef>
        <a:spcAft>
          <a:spcPts val="600"/>
        </a:spcAft>
        <a:buClr>
          <a:schemeClr val="tx1">
            <a:lumMod val="50000"/>
            <a:lumOff val="50000"/>
          </a:schemeClr>
        </a:buClr>
        <a:buSzPct val="92000"/>
        <a:buFont typeface="Courier New" panose="02070309020205020404" pitchFamily="49" charset="0"/>
        <a:buChar char="o"/>
        <a:defRPr sz="1600" b="0" i="0" kern="1200">
          <a:solidFill>
            <a:schemeClr val="tx2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3pPr>
      <a:lvl4pPr marL="124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tx1">
            <a:lumMod val="50000"/>
            <a:lumOff val="50000"/>
          </a:schemeClr>
        </a:buClr>
        <a:buSzPct val="92000"/>
        <a:buFont typeface="Courier New" panose="02070309020205020404" pitchFamily="49" charset="0"/>
        <a:buChar char="o"/>
        <a:defRPr sz="1400" b="0" i="0" kern="1200">
          <a:solidFill>
            <a:schemeClr val="tx2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4pPr>
      <a:lvl5pPr marL="160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tx1">
            <a:lumMod val="50000"/>
            <a:lumOff val="50000"/>
          </a:schemeClr>
        </a:buClr>
        <a:buSzPct val="92000"/>
        <a:buFont typeface="Courier New" panose="02070309020205020404" pitchFamily="49" charset="0"/>
        <a:buChar char="o"/>
        <a:defRPr sz="1400" b="0" i="0" kern="1200">
          <a:solidFill>
            <a:schemeClr val="tx2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5pPr>
      <a:lvl6pPr marL="19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6pPr>
      <a:lvl7pPr marL="22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7pPr>
      <a:lvl8pPr marL="25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8pPr>
      <a:lvl9pPr marL="28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5" Type="http://schemas.openxmlformats.org/officeDocument/2006/relationships/image" Target="../media/image4.jpeg"/><Relationship Id="rId4" Type="http://schemas.openxmlformats.org/officeDocument/2006/relationships/image" Target="../media/image3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png"/><Relationship Id="rId2" Type="http://schemas.openxmlformats.org/officeDocument/2006/relationships/image" Target="../media/image76.png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8.pn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85.png"/><Relationship Id="rId3" Type="http://schemas.openxmlformats.org/officeDocument/2006/relationships/image" Target="../media/image80.png"/><Relationship Id="rId7" Type="http://schemas.openxmlformats.org/officeDocument/2006/relationships/image" Target="../media/image84.png"/><Relationship Id="rId2" Type="http://schemas.openxmlformats.org/officeDocument/2006/relationships/image" Target="../media/image79.jpe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83.png"/><Relationship Id="rId5" Type="http://schemas.openxmlformats.org/officeDocument/2006/relationships/image" Target="../media/image82.png"/><Relationship Id="rId4" Type="http://schemas.openxmlformats.org/officeDocument/2006/relationships/image" Target="../media/image81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7.png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94.png"/><Relationship Id="rId13" Type="http://schemas.openxmlformats.org/officeDocument/2006/relationships/image" Target="../media/image99.svg"/><Relationship Id="rId3" Type="http://schemas.openxmlformats.org/officeDocument/2006/relationships/image" Target="../media/image89.svg"/><Relationship Id="rId7" Type="http://schemas.openxmlformats.org/officeDocument/2006/relationships/image" Target="../media/image93.svg"/><Relationship Id="rId12" Type="http://schemas.openxmlformats.org/officeDocument/2006/relationships/image" Target="../media/image98.png"/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92.png"/><Relationship Id="rId11" Type="http://schemas.openxmlformats.org/officeDocument/2006/relationships/image" Target="../media/image97.svg"/><Relationship Id="rId5" Type="http://schemas.openxmlformats.org/officeDocument/2006/relationships/image" Target="../media/image91.svg"/><Relationship Id="rId10" Type="http://schemas.openxmlformats.org/officeDocument/2006/relationships/image" Target="../media/image96.png"/><Relationship Id="rId4" Type="http://schemas.openxmlformats.org/officeDocument/2006/relationships/image" Target="../media/image90.png"/><Relationship Id="rId9" Type="http://schemas.openxmlformats.org/officeDocument/2006/relationships/image" Target="../media/image95.sv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0.png"/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2.xml"/><Relationship Id="rId6" Type="http://schemas.openxmlformats.org/officeDocument/2006/relationships/image" Target="../media/image7.sv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image" Target="../media/image17.gif"/><Relationship Id="rId18" Type="http://schemas.openxmlformats.org/officeDocument/2006/relationships/image" Target="../media/image22.png"/><Relationship Id="rId26" Type="http://schemas.openxmlformats.org/officeDocument/2006/relationships/image" Target="../media/image30.png"/><Relationship Id="rId39" Type="http://schemas.openxmlformats.org/officeDocument/2006/relationships/image" Target="../media/image43.png"/><Relationship Id="rId21" Type="http://schemas.openxmlformats.org/officeDocument/2006/relationships/image" Target="../media/image25.png"/><Relationship Id="rId34" Type="http://schemas.openxmlformats.org/officeDocument/2006/relationships/image" Target="../media/image38.png"/><Relationship Id="rId42" Type="http://schemas.openxmlformats.org/officeDocument/2006/relationships/image" Target="../media/image46.png"/><Relationship Id="rId47" Type="http://schemas.openxmlformats.org/officeDocument/2006/relationships/image" Target="../media/image51.png"/><Relationship Id="rId50" Type="http://schemas.openxmlformats.org/officeDocument/2006/relationships/image" Target="../media/image54.png"/><Relationship Id="rId55" Type="http://schemas.openxmlformats.org/officeDocument/2006/relationships/image" Target="../media/image59.jpeg"/><Relationship Id="rId7" Type="http://schemas.openxmlformats.org/officeDocument/2006/relationships/image" Target="../media/image11.jpeg"/><Relationship Id="rId2" Type="http://schemas.openxmlformats.org/officeDocument/2006/relationships/slideLayout" Target="../slideLayouts/slideLayout12.xml"/><Relationship Id="rId16" Type="http://schemas.openxmlformats.org/officeDocument/2006/relationships/image" Target="../media/image20.png"/><Relationship Id="rId29" Type="http://schemas.openxmlformats.org/officeDocument/2006/relationships/image" Target="../media/image33.png"/><Relationship Id="rId11" Type="http://schemas.openxmlformats.org/officeDocument/2006/relationships/image" Target="../media/image15.png"/><Relationship Id="rId24" Type="http://schemas.openxmlformats.org/officeDocument/2006/relationships/image" Target="../media/image28.png"/><Relationship Id="rId32" Type="http://schemas.openxmlformats.org/officeDocument/2006/relationships/image" Target="../media/image36.png"/><Relationship Id="rId37" Type="http://schemas.openxmlformats.org/officeDocument/2006/relationships/image" Target="../media/image41.png"/><Relationship Id="rId40" Type="http://schemas.openxmlformats.org/officeDocument/2006/relationships/image" Target="../media/image44.png"/><Relationship Id="rId45" Type="http://schemas.openxmlformats.org/officeDocument/2006/relationships/image" Target="../media/image49.png"/><Relationship Id="rId53" Type="http://schemas.openxmlformats.org/officeDocument/2006/relationships/image" Target="../media/image57.tiff"/><Relationship Id="rId58" Type="http://schemas.openxmlformats.org/officeDocument/2006/relationships/image" Target="../media/image62.jpeg"/><Relationship Id="rId5" Type="http://schemas.openxmlformats.org/officeDocument/2006/relationships/image" Target="../media/image9.png"/><Relationship Id="rId19" Type="http://schemas.openxmlformats.org/officeDocument/2006/relationships/image" Target="../media/image23.jpeg"/><Relationship Id="rId4" Type="http://schemas.openxmlformats.org/officeDocument/2006/relationships/image" Target="../media/image8.png"/><Relationship Id="rId9" Type="http://schemas.openxmlformats.org/officeDocument/2006/relationships/image" Target="../media/image13.png"/><Relationship Id="rId14" Type="http://schemas.openxmlformats.org/officeDocument/2006/relationships/image" Target="../media/image18.png"/><Relationship Id="rId22" Type="http://schemas.openxmlformats.org/officeDocument/2006/relationships/image" Target="../media/image26.png"/><Relationship Id="rId27" Type="http://schemas.openxmlformats.org/officeDocument/2006/relationships/image" Target="../media/image31.png"/><Relationship Id="rId30" Type="http://schemas.openxmlformats.org/officeDocument/2006/relationships/image" Target="../media/image34.png"/><Relationship Id="rId35" Type="http://schemas.openxmlformats.org/officeDocument/2006/relationships/image" Target="../media/image39.png"/><Relationship Id="rId43" Type="http://schemas.openxmlformats.org/officeDocument/2006/relationships/image" Target="../media/image47.png"/><Relationship Id="rId48" Type="http://schemas.openxmlformats.org/officeDocument/2006/relationships/image" Target="../media/image52.png"/><Relationship Id="rId56" Type="http://schemas.openxmlformats.org/officeDocument/2006/relationships/image" Target="../media/image60.jpeg"/><Relationship Id="rId8" Type="http://schemas.openxmlformats.org/officeDocument/2006/relationships/image" Target="../media/image12.png"/><Relationship Id="rId51" Type="http://schemas.openxmlformats.org/officeDocument/2006/relationships/image" Target="../media/image55.png"/><Relationship Id="rId3" Type="http://schemas.openxmlformats.org/officeDocument/2006/relationships/notesSlide" Target="../notesSlides/notesSlide3.xml"/><Relationship Id="rId12" Type="http://schemas.openxmlformats.org/officeDocument/2006/relationships/image" Target="../media/image16.gif"/><Relationship Id="rId17" Type="http://schemas.openxmlformats.org/officeDocument/2006/relationships/image" Target="../media/image21.png"/><Relationship Id="rId25" Type="http://schemas.openxmlformats.org/officeDocument/2006/relationships/image" Target="../media/image29.png"/><Relationship Id="rId33" Type="http://schemas.openxmlformats.org/officeDocument/2006/relationships/image" Target="../media/image37.png"/><Relationship Id="rId38" Type="http://schemas.openxmlformats.org/officeDocument/2006/relationships/image" Target="../media/image42.png"/><Relationship Id="rId46" Type="http://schemas.openxmlformats.org/officeDocument/2006/relationships/image" Target="../media/image50.png"/><Relationship Id="rId59" Type="http://schemas.openxmlformats.org/officeDocument/2006/relationships/image" Target="../media/image63.tiff"/><Relationship Id="rId20" Type="http://schemas.openxmlformats.org/officeDocument/2006/relationships/image" Target="../media/image24.jpeg"/><Relationship Id="rId41" Type="http://schemas.openxmlformats.org/officeDocument/2006/relationships/image" Target="../media/image45.png"/><Relationship Id="rId54" Type="http://schemas.openxmlformats.org/officeDocument/2006/relationships/image" Target="../media/image58.png"/><Relationship Id="rId1" Type="http://schemas.openxmlformats.org/officeDocument/2006/relationships/tags" Target="../tags/tag3.xml"/><Relationship Id="rId6" Type="http://schemas.openxmlformats.org/officeDocument/2006/relationships/image" Target="../media/image10.png"/><Relationship Id="rId15" Type="http://schemas.openxmlformats.org/officeDocument/2006/relationships/image" Target="../media/image19.png"/><Relationship Id="rId23" Type="http://schemas.openxmlformats.org/officeDocument/2006/relationships/image" Target="../media/image27.png"/><Relationship Id="rId28" Type="http://schemas.openxmlformats.org/officeDocument/2006/relationships/image" Target="../media/image32.png"/><Relationship Id="rId36" Type="http://schemas.openxmlformats.org/officeDocument/2006/relationships/image" Target="../media/image40.png"/><Relationship Id="rId49" Type="http://schemas.openxmlformats.org/officeDocument/2006/relationships/image" Target="../media/image53.png"/><Relationship Id="rId57" Type="http://schemas.openxmlformats.org/officeDocument/2006/relationships/image" Target="../media/image61.png"/><Relationship Id="rId10" Type="http://schemas.openxmlformats.org/officeDocument/2006/relationships/image" Target="../media/image14.png"/><Relationship Id="rId31" Type="http://schemas.openxmlformats.org/officeDocument/2006/relationships/image" Target="../media/image35.png"/><Relationship Id="rId44" Type="http://schemas.openxmlformats.org/officeDocument/2006/relationships/image" Target="../media/image48.png"/><Relationship Id="rId52" Type="http://schemas.openxmlformats.org/officeDocument/2006/relationships/image" Target="../media/image56.tiff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image" Target="../media/image64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2" Type="http://schemas.openxmlformats.org/officeDocument/2006/relationships/image" Target="../media/image66.pn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69.png"/><Relationship Id="rId4" Type="http://schemas.openxmlformats.org/officeDocument/2006/relationships/image" Target="../media/image68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png"/><Relationship Id="rId2" Type="http://schemas.openxmlformats.org/officeDocument/2006/relationships/image" Target="../media/image71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3.png"/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15F97E-9FFF-3745-A3A5-C876758D3DA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81192" y="3101546"/>
            <a:ext cx="7042112" cy="2136290"/>
          </a:xfrm>
        </p:spPr>
        <p:txBody>
          <a:bodyPr>
            <a:normAutofit/>
          </a:bodyPr>
          <a:lstStyle/>
          <a:p>
            <a:r>
              <a:rPr lang="en-US">
                <a:latin typeface="Open Sans SemiBold"/>
                <a:ea typeface="Open Sans SemiBold"/>
                <a:cs typeface="Open Sans SemiBold"/>
              </a:rPr>
              <a:t>Smart grid Solutions for public power</a:t>
            </a:r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7AB5A9D-8445-544E-AC15-5598AAD484E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81194" y="5237836"/>
            <a:ext cx="10993546" cy="1113537"/>
          </a:xfrm>
        </p:spPr>
        <p:txBody>
          <a:bodyPr>
            <a:normAutofit fontScale="92500" lnSpcReduction="10000"/>
          </a:bodyPr>
          <a:lstStyle/>
          <a:p>
            <a:r>
              <a:rPr lang="en-US">
                <a:solidFill>
                  <a:schemeClr val="bg1"/>
                </a:solidFill>
                <a:latin typeface="Open Sans"/>
                <a:ea typeface="Open Sans"/>
                <a:cs typeface="Open Sans"/>
              </a:rPr>
              <a:t>Louis Rosatone – Client services manager</a:t>
            </a:r>
          </a:p>
          <a:p>
            <a:r>
              <a:rPr lang="en-US">
                <a:solidFill>
                  <a:schemeClr val="bg1"/>
                </a:solidFill>
                <a:latin typeface="Open Sans"/>
                <a:ea typeface="Open Sans"/>
                <a:cs typeface="Open Sans"/>
              </a:rPr>
              <a:t>James baker – Business Development, Emerging Services</a:t>
            </a:r>
          </a:p>
          <a:p>
            <a:r>
              <a:rPr lang="en-US">
                <a:solidFill>
                  <a:schemeClr val="bg1"/>
                </a:solidFill>
              </a:rPr>
              <a:t>Elizabeth </a:t>
            </a:r>
            <a:r>
              <a:rPr lang="en-US" err="1">
                <a:solidFill>
                  <a:schemeClr val="bg1"/>
                </a:solidFill>
              </a:rPr>
              <a:t>massey</a:t>
            </a:r>
            <a:r>
              <a:rPr lang="en-US">
                <a:solidFill>
                  <a:schemeClr val="bg1"/>
                </a:solidFill>
              </a:rPr>
              <a:t> – director, data dynamics</a:t>
            </a:r>
          </a:p>
        </p:txBody>
      </p:sp>
      <p:pic>
        <p:nvPicPr>
          <p:cNvPr id="5" name="Picture 4" descr="Graphical user interface&#10;&#10;Description automatically generated">
            <a:extLst>
              <a:ext uri="{FF2B5EF4-FFF2-40B4-BE49-F238E27FC236}">
                <a16:creationId xmlns:a16="http://schemas.microsoft.com/office/drawing/2014/main" id="{08E9B7B2-6855-1841-B5BF-DA41206C049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grayscl/>
          </a:blip>
          <a:srcRect l="4202" t="17179" r="18977"/>
          <a:stretch/>
        </p:blipFill>
        <p:spPr>
          <a:xfrm>
            <a:off x="7623303" y="0"/>
            <a:ext cx="4568697" cy="685799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D20BA96E-74BB-BA44-9579-B489E380411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2961" y="1353734"/>
            <a:ext cx="4577703" cy="152590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1282070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CC465DBE-466D-4521-AD1C-3576ED64CD2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560286"/>
            <a:ext cx="10496939" cy="595028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9A286EC9-1496-FEB9-0527-44DFFEB65F7A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7949676" y="0"/>
            <a:ext cx="3806890" cy="985206"/>
          </a:xfrm>
        </p:spPr>
        <p:txBody>
          <a:bodyPr/>
          <a:lstStyle/>
          <a:p>
            <a:r>
              <a:rPr lang="en-US"/>
              <a:t>Customer insights </a:t>
            </a:r>
            <a:br>
              <a:rPr lang="en-US" strike="sngStrike"/>
            </a:br>
            <a:endParaRPr lang="en-US" strike="sngStrike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0AEBB8E-3D96-590D-8FA4-79845312B3DC}"/>
              </a:ext>
            </a:extLst>
          </p:cNvPr>
          <p:cNvSpPr txBox="1">
            <a:spLocks/>
          </p:cNvSpPr>
          <p:nvPr/>
        </p:nvSpPr>
        <p:spPr>
          <a:xfrm>
            <a:off x="10690229" y="3860210"/>
            <a:ext cx="1405201" cy="1352211"/>
          </a:xfrm>
          <a:prstGeom prst="rect">
            <a:avLst/>
          </a:prstGeom>
        </p:spPr>
        <p:txBody>
          <a:bodyPr vert="horz"/>
          <a:lstStyle>
            <a:lvl1pPr marL="306000" indent="-306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20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630000" indent="-306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8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900000" indent="-270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6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24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4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60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4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5pPr>
            <a:lvl6pPr marL="19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22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25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28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b="1"/>
              <a:t>Segment by Building Type</a:t>
            </a:r>
          </a:p>
        </p:txBody>
      </p:sp>
      <p:sp>
        <p:nvSpPr>
          <p:cNvPr id="8" name="Arrow: Bent 7">
            <a:extLst>
              <a:ext uri="{FF2B5EF4-FFF2-40B4-BE49-F238E27FC236}">
                <a16:creationId xmlns:a16="http://schemas.microsoft.com/office/drawing/2014/main" id="{E81AE4DB-91E5-2DFB-158D-0F765A5BE377}"/>
              </a:ext>
            </a:extLst>
          </p:cNvPr>
          <p:cNvSpPr/>
          <p:nvPr/>
        </p:nvSpPr>
        <p:spPr>
          <a:xfrm rot="10800000">
            <a:off x="10827945" y="5219211"/>
            <a:ext cx="769544" cy="887240"/>
          </a:xfrm>
          <a:prstGeom prst="ben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" name="Arrow: Bent 8">
            <a:extLst>
              <a:ext uri="{FF2B5EF4-FFF2-40B4-BE49-F238E27FC236}">
                <a16:creationId xmlns:a16="http://schemas.microsoft.com/office/drawing/2014/main" id="{1B0E6921-B98A-EAE6-928B-91428D5C22B2}"/>
              </a:ext>
            </a:extLst>
          </p:cNvPr>
          <p:cNvSpPr/>
          <p:nvPr/>
        </p:nvSpPr>
        <p:spPr>
          <a:xfrm flipH="1">
            <a:off x="10818891" y="2966180"/>
            <a:ext cx="769544" cy="887240"/>
          </a:xfrm>
          <a:prstGeom prst="ben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1216681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E746CCA1-BC91-F313-A077-1A5041EA47A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93137" y="800099"/>
            <a:ext cx="7263429" cy="561003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9A286EC9-1496-FEB9-0527-44DFFEB65F7A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7949676" y="-29207"/>
            <a:ext cx="3806890" cy="1014413"/>
          </a:xfrm>
        </p:spPr>
        <p:txBody>
          <a:bodyPr/>
          <a:lstStyle/>
          <a:p>
            <a:r>
              <a:rPr lang="en-US"/>
              <a:t>Customer insights</a:t>
            </a:r>
            <a:br>
              <a:rPr lang="en-US"/>
            </a:br>
            <a:endParaRPr lang="en-US" strike="sngStrike"/>
          </a:p>
        </p:txBody>
      </p:sp>
      <p:sp>
        <p:nvSpPr>
          <p:cNvPr id="6" name="Content Placeholder 8">
            <a:extLst>
              <a:ext uri="{FF2B5EF4-FFF2-40B4-BE49-F238E27FC236}">
                <a16:creationId xmlns:a16="http://schemas.microsoft.com/office/drawing/2014/main" id="{1D5BD5D7-34BC-696F-1A03-395B66DD950A}"/>
              </a:ext>
            </a:extLst>
          </p:cNvPr>
          <p:cNvSpPr txBox="1">
            <a:spLocks/>
          </p:cNvSpPr>
          <p:nvPr/>
        </p:nvSpPr>
        <p:spPr>
          <a:xfrm>
            <a:off x="345019" y="2755280"/>
            <a:ext cx="3807881" cy="2934999"/>
          </a:xfrm>
          <a:prstGeom prst="rect">
            <a:avLst/>
          </a:prstGeom>
        </p:spPr>
        <p:txBody>
          <a:bodyPr/>
          <a:lstStyle>
            <a:lvl1pPr marL="306000" indent="-306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20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630000" indent="-306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8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900000" indent="-270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6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24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4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60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4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5pPr>
            <a:lvl6pPr marL="19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22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25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28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/>
              <a:t>Demand response programs</a:t>
            </a:r>
          </a:p>
          <a:p>
            <a:r>
              <a:rPr lang="en-US"/>
              <a:t>Peak event communications</a:t>
            </a:r>
          </a:p>
          <a:p>
            <a:r>
              <a:rPr lang="en-US"/>
              <a:t>Time-of-Use rates</a:t>
            </a:r>
          </a:p>
          <a:p>
            <a:r>
              <a:rPr lang="en-US"/>
              <a:t>Energy efficiency programs</a:t>
            </a:r>
          </a:p>
          <a:p>
            <a:r>
              <a:rPr lang="en-US"/>
              <a:t>Education campaigns</a:t>
            </a:r>
          </a:p>
          <a:p>
            <a:endParaRPr lang="en-US"/>
          </a:p>
          <a:p>
            <a:endParaRPr lang="en-US"/>
          </a:p>
          <a:p>
            <a:endParaRPr lang="en-US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F1EEEBF4-386B-E4FE-65B2-4AB813EBA500}"/>
              </a:ext>
            </a:extLst>
          </p:cNvPr>
          <p:cNvSpPr txBox="1">
            <a:spLocks/>
          </p:cNvSpPr>
          <p:nvPr/>
        </p:nvSpPr>
        <p:spPr>
          <a:xfrm>
            <a:off x="435434" y="1978403"/>
            <a:ext cx="3717466" cy="675277"/>
          </a:xfrm>
          <a:prstGeom prst="rect">
            <a:avLst/>
          </a:prstGeom>
        </p:spPr>
        <p:txBody>
          <a:bodyPr/>
          <a:lstStyle>
            <a:lvl1pPr marL="306000" indent="-306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20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630000" indent="-306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8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900000" indent="-270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6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24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4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60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4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5pPr>
            <a:lvl6pPr marL="19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22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25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28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b="1"/>
              <a:t>Segment by Customer Behavior</a:t>
            </a:r>
          </a:p>
        </p:txBody>
      </p:sp>
      <p:sp>
        <p:nvSpPr>
          <p:cNvPr id="9" name="Arrow: Bent 8">
            <a:extLst>
              <a:ext uri="{FF2B5EF4-FFF2-40B4-BE49-F238E27FC236}">
                <a16:creationId xmlns:a16="http://schemas.microsoft.com/office/drawing/2014/main" id="{8A200E1E-9F5D-A008-6F77-4BEBA56F9630}"/>
              </a:ext>
            </a:extLst>
          </p:cNvPr>
          <p:cNvSpPr/>
          <p:nvPr/>
        </p:nvSpPr>
        <p:spPr>
          <a:xfrm>
            <a:off x="1095375" y="1117978"/>
            <a:ext cx="3057525" cy="809625"/>
          </a:xfrm>
          <a:prstGeom prst="ben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" name="Arrow: Bent 9">
            <a:extLst>
              <a:ext uri="{FF2B5EF4-FFF2-40B4-BE49-F238E27FC236}">
                <a16:creationId xmlns:a16="http://schemas.microsoft.com/office/drawing/2014/main" id="{760BFFD0-8421-386E-9775-9494C8A5E527}"/>
              </a:ext>
            </a:extLst>
          </p:cNvPr>
          <p:cNvSpPr/>
          <p:nvPr/>
        </p:nvSpPr>
        <p:spPr>
          <a:xfrm flipV="1">
            <a:off x="1095375" y="5600505"/>
            <a:ext cx="3057525" cy="809625"/>
          </a:xfrm>
          <a:prstGeom prst="ben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5856764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7D9013FC-4983-1C3A-FBF6-1D91B38B00D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400425" y="1793350"/>
            <a:ext cx="8353550" cy="4571465"/>
          </a:xfrm>
          <a:prstGeom prst="rect">
            <a:avLst/>
          </a:prstGeom>
          <a:effectLst>
            <a:softEdge rad="127000"/>
          </a:effec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D8F95F5E-2227-8625-E953-6E666A641E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olar + storage</a:t>
            </a:r>
            <a:br>
              <a:rPr lang="en-US"/>
            </a:br>
            <a:r>
              <a:rPr lang="en-US"/>
              <a:t>optimized &amp; dispatched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E09535F-D1DE-ADE3-DBB2-1D132220C88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5025036"/>
            <a:ext cx="2819233" cy="1339779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en-US" i="1"/>
              <a:t>Redwood Coast Airport Microgrid</a:t>
            </a:r>
          </a:p>
          <a:p>
            <a:pPr marL="0" indent="0">
              <a:buNone/>
            </a:pPr>
            <a:r>
              <a:rPr lang="en-US" i="1"/>
              <a:t>Humboldt County, California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48AAE31-B7FE-8688-E7A8-DC5C3B8D85C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1192" y="1949380"/>
            <a:ext cx="4381961" cy="101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44154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D9B0D649-99D9-54CB-223D-E14A54C6A63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0631" b="9654"/>
          <a:stretch/>
        </p:blipFill>
        <p:spPr>
          <a:xfrm>
            <a:off x="4177474" y="2246050"/>
            <a:ext cx="3837051" cy="395944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E4EE6BE-E74C-8744-D1DD-F3C078E3DC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You have a choic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E13165-D21A-9591-FFB3-58415CF2E99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455035" y="2804213"/>
            <a:ext cx="750457" cy="462725"/>
          </a:xfrm>
        </p:spPr>
        <p:txBody>
          <a:bodyPr/>
          <a:lstStyle/>
          <a:p>
            <a:r>
              <a:rPr lang="en-US" b="1"/>
              <a:t>PPA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7A6691C-6EF8-4917-19E7-DDA4ACF8A25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905758" y="2376837"/>
            <a:ext cx="3271716" cy="1317475"/>
          </a:xfrm>
        </p:spPr>
        <p:txBody>
          <a:bodyPr/>
          <a:lstStyle/>
          <a:p>
            <a:r>
              <a:rPr lang="en-US"/>
              <a:t>Tailored for a narrowly-defined objective</a:t>
            </a:r>
          </a:p>
          <a:p>
            <a:r>
              <a:rPr lang="en-US"/>
              <a:t>Low/no cap-ex</a:t>
            </a:r>
          </a:p>
          <a:p>
            <a:endParaRPr lang="en-US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D82FC838-44DE-BE9F-7A61-48DED70994E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5285551" y="3786910"/>
            <a:ext cx="2624452" cy="553373"/>
          </a:xfrm>
        </p:spPr>
        <p:txBody>
          <a:bodyPr/>
          <a:lstStyle/>
          <a:p>
            <a:r>
              <a:rPr lang="en-US" b="1"/>
              <a:t>Own &amp; Optimize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8A0F4F1F-1127-6349-6FE0-73038F1B6C6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8014525" y="3429000"/>
            <a:ext cx="3596281" cy="1544417"/>
          </a:xfrm>
        </p:spPr>
        <p:txBody>
          <a:bodyPr/>
          <a:lstStyle/>
          <a:p>
            <a:r>
              <a:rPr lang="en-US"/>
              <a:t>Prioritize among multiple possible objectives</a:t>
            </a:r>
          </a:p>
          <a:p>
            <a:r>
              <a:rPr lang="en-US"/>
              <a:t>Integrate with your other assets</a:t>
            </a:r>
          </a:p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775403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EAF7D4-BA14-3DA5-5B04-B4AA33C738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omplexity abounds</a:t>
            </a:r>
          </a:p>
        </p:txBody>
      </p:sp>
      <p:sp>
        <p:nvSpPr>
          <p:cNvPr id="32" name="Content Placeholder 31">
            <a:extLst>
              <a:ext uri="{FF2B5EF4-FFF2-40B4-BE49-F238E27FC236}">
                <a16:creationId xmlns:a16="http://schemas.microsoft.com/office/drawing/2014/main" id="{3088549A-75BD-2542-0FA7-02B620955F9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54445" y="2846130"/>
            <a:ext cx="4451713" cy="2725785"/>
          </a:xfrm>
        </p:spPr>
        <p:txBody>
          <a:bodyPr/>
          <a:lstStyle/>
          <a:p>
            <a:r>
              <a:rPr lang="en-US"/>
              <a:t>LMP Uncertainty</a:t>
            </a:r>
          </a:p>
          <a:p>
            <a:pPr lvl="1"/>
            <a:r>
              <a:rPr lang="en-US"/>
              <a:t>Energy</a:t>
            </a:r>
          </a:p>
          <a:p>
            <a:pPr lvl="1"/>
            <a:r>
              <a:rPr lang="en-US"/>
              <a:t>Ancillary Services</a:t>
            </a:r>
          </a:p>
          <a:p>
            <a:r>
              <a:rPr lang="en-US"/>
              <a:t>Solar Production Uncertainty</a:t>
            </a:r>
          </a:p>
          <a:p>
            <a:r>
              <a:rPr lang="en-US"/>
              <a:t>Battery Constraints</a:t>
            </a:r>
          </a:p>
          <a:p>
            <a:pPr lvl="1"/>
            <a:r>
              <a:rPr lang="en-US"/>
              <a:t>Void Warranty?</a:t>
            </a:r>
          </a:p>
          <a:p>
            <a:pPr lvl="1"/>
            <a:endParaRPr lang="en-US"/>
          </a:p>
        </p:txBody>
      </p:sp>
      <p:grpSp>
        <p:nvGrpSpPr>
          <p:cNvPr id="33" name="Group 32">
            <a:extLst>
              <a:ext uri="{FF2B5EF4-FFF2-40B4-BE49-F238E27FC236}">
                <a16:creationId xmlns:a16="http://schemas.microsoft.com/office/drawing/2014/main" id="{CDA9608A-0870-5F94-2EA8-D91E25A2D2C7}"/>
              </a:ext>
            </a:extLst>
          </p:cNvPr>
          <p:cNvGrpSpPr/>
          <p:nvPr/>
        </p:nvGrpSpPr>
        <p:grpSpPr>
          <a:xfrm>
            <a:off x="1408659" y="2048906"/>
            <a:ext cx="4686300" cy="4680439"/>
            <a:chOff x="1408659" y="2048906"/>
            <a:chExt cx="4686300" cy="4680439"/>
          </a:xfrm>
        </p:grpSpPr>
        <p:pic>
          <p:nvPicPr>
            <p:cNvPr id="5" name="Picture 12" descr="8,686 BEST Pylon Icon IMAGES, STOCK PHOTOS &amp;amp; VECTORS | Adobe Stock">
              <a:extLst>
                <a:ext uri="{FF2B5EF4-FFF2-40B4-BE49-F238E27FC236}">
                  <a16:creationId xmlns:a16="http://schemas.microsoft.com/office/drawing/2014/main" id="{D1DBCD0D-E4F7-9417-9015-EC1370F28E3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408659" y="2048906"/>
              <a:ext cx="1684631" cy="161991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" name="Picture 2" descr="Car Battery Icon This page contains the vector icon, as well as variations  of this icon in different visual styles, and… | Battery icon, Car battery,  Battery design">
              <a:extLst>
                <a:ext uri="{FF2B5EF4-FFF2-40B4-BE49-F238E27FC236}">
                  <a16:creationId xmlns:a16="http://schemas.microsoft.com/office/drawing/2014/main" id="{4C00D8CF-DFC3-7FD3-7652-B5BC92C68BC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615719" y="5492610"/>
              <a:ext cx="1479240" cy="123673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" name="Picture 6" descr="Solar Icons – Free Vector Download, PNG, SVG, GIF">
              <a:extLst>
                <a:ext uri="{FF2B5EF4-FFF2-40B4-BE49-F238E27FC236}">
                  <a16:creationId xmlns:a16="http://schemas.microsoft.com/office/drawing/2014/main" id="{93FFFD82-6772-A20E-D8C2-F2CF503BDD0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739158" y="5315935"/>
              <a:ext cx="1251214" cy="12031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cxnSp>
          <p:nvCxnSpPr>
            <p:cNvPr id="8" name="Straight Arrow Connector 7">
              <a:extLst>
                <a:ext uri="{FF2B5EF4-FFF2-40B4-BE49-F238E27FC236}">
                  <a16:creationId xmlns:a16="http://schemas.microsoft.com/office/drawing/2014/main" id="{5CFEE864-629F-E362-808F-4B3C25D0EC52}"/>
                </a:ext>
              </a:extLst>
            </p:cNvPr>
            <p:cNvCxnSpPr/>
            <p:nvPr/>
          </p:nvCxnSpPr>
          <p:spPr>
            <a:xfrm flipV="1">
              <a:off x="2958554" y="6171402"/>
              <a:ext cx="1769578" cy="1"/>
            </a:xfrm>
            <a:prstGeom prst="straightConnector1">
              <a:avLst/>
            </a:prstGeom>
            <a:ln>
              <a:solidFill>
                <a:srgbClr val="FEB24C"/>
              </a:solidFill>
              <a:tailEnd type="triangle"/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  <p:cxnSp>
          <p:nvCxnSpPr>
            <p:cNvPr id="9" name="Straight Arrow Connector 8">
              <a:extLst>
                <a:ext uri="{FF2B5EF4-FFF2-40B4-BE49-F238E27FC236}">
                  <a16:creationId xmlns:a16="http://schemas.microsoft.com/office/drawing/2014/main" id="{565CDC3B-F7ED-5599-4B7B-3B6BEEA0D275}"/>
                </a:ext>
              </a:extLst>
            </p:cNvPr>
            <p:cNvCxnSpPr/>
            <p:nvPr/>
          </p:nvCxnSpPr>
          <p:spPr>
            <a:xfrm flipV="1">
              <a:off x="2549729" y="4647506"/>
              <a:ext cx="734975" cy="764793"/>
            </a:xfrm>
            <a:prstGeom prst="straightConnector1">
              <a:avLst/>
            </a:prstGeom>
            <a:ln>
              <a:solidFill>
                <a:srgbClr val="FEB24C"/>
              </a:solidFill>
              <a:tailEnd type="triangle"/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B5421085-EAA3-6DAB-51DA-2FB8A5914DD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3275863" y="3877092"/>
              <a:ext cx="1072605" cy="1031397"/>
            </a:xfrm>
            <a:prstGeom prst="rect">
              <a:avLst/>
            </a:prstGeom>
          </p:spPr>
        </p:pic>
        <p:cxnSp>
          <p:nvCxnSpPr>
            <p:cNvPr id="11" name="Elbow Connector 12">
              <a:extLst>
                <a:ext uri="{FF2B5EF4-FFF2-40B4-BE49-F238E27FC236}">
                  <a16:creationId xmlns:a16="http://schemas.microsoft.com/office/drawing/2014/main" id="{3DD27D0A-7505-8E73-3C07-F6F6B45A59ED}"/>
                </a:ext>
              </a:extLst>
            </p:cNvPr>
            <p:cNvCxnSpPr/>
            <p:nvPr/>
          </p:nvCxnSpPr>
          <p:spPr>
            <a:xfrm rot="16200000" flipV="1">
              <a:off x="2739934" y="2770336"/>
              <a:ext cx="1047205" cy="910737"/>
            </a:xfrm>
            <a:prstGeom prst="bentConnector3">
              <a:avLst>
                <a:gd name="adj1" fmla="val 99697"/>
              </a:avLst>
            </a:prstGeom>
            <a:ln w="38100">
              <a:solidFill>
                <a:srgbClr val="FEB24C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Elbow Connector 13">
              <a:extLst>
                <a:ext uri="{FF2B5EF4-FFF2-40B4-BE49-F238E27FC236}">
                  <a16:creationId xmlns:a16="http://schemas.microsoft.com/office/drawing/2014/main" id="{5A1C4E59-F97B-4F32-C59F-9ED75A899AC9}"/>
                </a:ext>
              </a:extLst>
            </p:cNvPr>
            <p:cNvCxnSpPr/>
            <p:nvPr/>
          </p:nvCxnSpPr>
          <p:spPr>
            <a:xfrm rot="16200000" flipV="1">
              <a:off x="2801879" y="3042576"/>
              <a:ext cx="829217" cy="667780"/>
            </a:xfrm>
            <a:prstGeom prst="bentConnector3">
              <a:avLst>
                <a:gd name="adj1" fmla="val 100209"/>
              </a:avLst>
            </a:prstGeom>
            <a:ln w="38100">
              <a:solidFill>
                <a:srgbClr val="A2CD5A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Elbow Connector 14">
              <a:extLst>
                <a:ext uri="{FF2B5EF4-FFF2-40B4-BE49-F238E27FC236}">
                  <a16:creationId xmlns:a16="http://schemas.microsoft.com/office/drawing/2014/main" id="{BEE753B0-CB43-11D9-F4A4-A5BFDE33FF78}"/>
                </a:ext>
              </a:extLst>
            </p:cNvPr>
            <p:cNvCxnSpPr/>
            <p:nvPr/>
          </p:nvCxnSpPr>
          <p:spPr>
            <a:xfrm rot="16200000" flipV="1">
              <a:off x="2822010" y="3223221"/>
              <a:ext cx="626414" cy="435997"/>
            </a:xfrm>
            <a:prstGeom prst="bentConnector3">
              <a:avLst>
                <a:gd name="adj1" fmla="val 99848"/>
              </a:avLst>
            </a:prstGeom>
            <a:ln w="38100">
              <a:solidFill>
                <a:schemeClr val="accent6">
                  <a:lumMod val="7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622143CF-AC8B-B4A3-73AF-875DA041B11B}"/>
                </a:ext>
              </a:extLst>
            </p:cNvPr>
            <p:cNvCxnSpPr/>
            <p:nvPr/>
          </p:nvCxnSpPr>
          <p:spPr>
            <a:xfrm>
              <a:off x="4366102" y="4628766"/>
              <a:ext cx="880698" cy="952439"/>
            </a:xfrm>
            <a:prstGeom prst="straightConnector1">
              <a:avLst/>
            </a:prstGeom>
            <a:ln>
              <a:solidFill>
                <a:srgbClr val="31A354"/>
              </a:solidFill>
              <a:tailEnd type="triangle"/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A41071EB-7E1C-4B5B-0985-AB77AE7ECDE5}"/>
                </a:ext>
              </a:extLst>
            </p:cNvPr>
            <p:cNvCxnSpPr/>
            <p:nvPr/>
          </p:nvCxnSpPr>
          <p:spPr>
            <a:xfrm flipH="1" flipV="1">
              <a:off x="4313197" y="4906281"/>
              <a:ext cx="698008" cy="749057"/>
            </a:xfrm>
            <a:prstGeom prst="straightConnector1">
              <a:avLst/>
            </a:prstGeom>
            <a:ln>
              <a:solidFill>
                <a:srgbClr val="3182BD"/>
              </a:solidFill>
              <a:tailEnd type="triangle"/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  <p:cxnSp>
          <p:nvCxnSpPr>
            <p:cNvPr id="16" name="Elbow Connector 17">
              <a:extLst>
                <a:ext uri="{FF2B5EF4-FFF2-40B4-BE49-F238E27FC236}">
                  <a16:creationId xmlns:a16="http://schemas.microsoft.com/office/drawing/2014/main" id="{CD1E4CE4-61F1-F8E7-C9A6-7890E1011E64}"/>
                </a:ext>
              </a:extLst>
            </p:cNvPr>
            <p:cNvCxnSpPr/>
            <p:nvPr/>
          </p:nvCxnSpPr>
          <p:spPr>
            <a:xfrm rot="16200000" flipV="1">
              <a:off x="2707915" y="2604420"/>
              <a:ext cx="1290599" cy="1090098"/>
            </a:xfrm>
            <a:prstGeom prst="bentConnector3">
              <a:avLst>
                <a:gd name="adj1" fmla="val 101615"/>
              </a:avLst>
            </a:prstGeom>
            <a:ln w="38100">
              <a:solidFill>
                <a:srgbClr val="31A354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Elbow Connector 18">
              <a:extLst>
                <a:ext uri="{FF2B5EF4-FFF2-40B4-BE49-F238E27FC236}">
                  <a16:creationId xmlns:a16="http://schemas.microsoft.com/office/drawing/2014/main" id="{A571CE70-5685-F850-043C-287BB0C95E3F}"/>
                </a:ext>
              </a:extLst>
            </p:cNvPr>
            <p:cNvCxnSpPr/>
            <p:nvPr/>
          </p:nvCxnSpPr>
          <p:spPr>
            <a:xfrm rot="16200000" flipV="1">
              <a:off x="2650720" y="2369721"/>
              <a:ext cx="1549198" cy="1304566"/>
            </a:xfrm>
            <a:prstGeom prst="bentConnector3">
              <a:avLst>
                <a:gd name="adj1" fmla="val 101062"/>
              </a:avLst>
            </a:prstGeom>
            <a:ln w="38100">
              <a:solidFill>
                <a:srgbClr val="D8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19" name="Picture 18">
              <a:extLst>
                <a:ext uri="{FF2B5EF4-FFF2-40B4-BE49-F238E27FC236}">
                  <a16:creationId xmlns:a16="http://schemas.microsoft.com/office/drawing/2014/main" id="{6EF63D8C-A42B-E31D-A7A4-9B4EBD123910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duotone>
                <a:schemeClr val="bg2">
                  <a:shade val="45000"/>
                  <a:satMod val="135000"/>
                </a:schemeClr>
                <a:prstClr val="white"/>
              </a:duotone>
            </a:blip>
            <a:stretch>
              <a:fillRect/>
            </a:stretch>
          </p:blipFill>
          <p:spPr>
            <a:xfrm>
              <a:off x="2773035" y="4656286"/>
              <a:ext cx="532416" cy="511961"/>
            </a:xfrm>
            <a:prstGeom prst="rect">
              <a:avLst/>
            </a:prstGeom>
          </p:spPr>
        </p:pic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3C217644-0EDE-AD65-DE49-70BFF7608E7B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duotone>
                <a:schemeClr val="bg2">
                  <a:shade val="45000"/>
                  <a:satMod val="135000"/>
                </a:schemeClr>
                <a:prstClr val="white"/>
              </a:duotone>
            </a:blip>
            <a:stretch>
              <a:fillRect/>
            </a:stretch>
          </p:blipFill>
          <p:spPr>
            <a:xfrm>
              <a:off x="4792191" y="5059954"/>
              <a:ext cx="532416" cy="511961"/>
            </a:xfrm>
            <a:prstGeom prst="rect">
              <a:avLst/>
            </a:prstGeom>
          </p:spPr>
        </p:pic>
        <p:pic>
          <p:nvPicPr>
            <p:cNvPr id="21" name="Picture 20">
              <a:extLst>
                <a:ext uri="{FF2B5EF4-FFF2-40B4-BE49-F238E27FC236}">
                  <a16:creationId xmlns:a16="http://schemas.microsoft.com/office/drawing/2014/main" id="{7BD21F93-CC03-42F7-2B6A-9BAF1C50235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duotone>
                <a:schemeClr val="bg2">
                  <a:shade val="45000"/>
                  <a:satMod val="135000"/>
                </a:schemeClr>
                <a:prstClr val="white"/>
              </a:duotone>
            </a:blip>
            <a:stretch>
              <a:fillRect/>
            </a:stretch>
          </p:blipFill>
          <p:spPr>
            <a:xfrm>
              <a:off x="4046989" y="5936202"/>
              <a:ext cx="532416" cy="511961"/>
            </a:xfrm>
            <a:prstGeom prst="rect">
              <a:avLst/>
            </a:prstGeom>
          </p:spPr>
        </p:pic>
        <p:pic>
          <p:nvPicPr>
            <p:cNvPr id="22" name="Picture 21">
              <a:extLst>
                <a:ext uri="{FF2B5EF4-FFF2-40B4-BE49-F238E27FC236}">
                  <a16:creationId xmlns:a16="http://schemas.microsoft.com/office/drawing/2014/main" id="{98A09CAA-0BEA-71AB-CF58-1C7A31FF50A4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duotone>
                <a:schemeClr val="bg2">
                  <a:shade val="45000"/>
                  <a:satMod val="135000"/>
                </a:schemeClr>
                <a:prstClr val="white"/>
              </a:duotone>
            </a:blip>
            <a:stretch>
              <a:fillRect/>
            </a:stretch>
          </p:blipFill>
          <p:spPr>
            <a:xfrm>
              <a:off x="3550378" y="4256397"/>
              <a:ext cx="532416" cy="511961"/>
            </a:xfrm>
            <a:prstGeom prst="rect">
              <a:avLst/>
            </a:prstGeom>
          </p:spPr>
        </p:pic>
        <p:sp>
          <p:nvSpPr>
            <p:cNvPr id="24" name="Freeform 25">
              <a:extLst>
                <a:ext uri="{FF2B5EF4-FFF2-40B4-BE49-F238E27FC236}">
                  <a16:creationId xmlns:a16="http://schemas.microsoft.com/office/drawing/2014/main" id="{A4DE41A2-0884-A7DB-7397-337436F4FDE5}"/>
                </a:ext>
              </a:extLst>
            </p:cNvPr>
            <p:cNvSpPr/>
            <p:nvPr/>
          </p:nvSpPr>
          <p:spPr>
            <a:xfrm>
              <a:off x="4953738" y="6140763"/>
              <a:ext cx="803201" cy="264104"/>
            </a:xfrm>
            <a:custGeom>
              <a:avLst/>
              <a:gdLst>
                <a:gd name="connsiteX0" fmla="*/ 0 w 604299"/>
                <a:gd name="connsiteY0" fmla="*/ 31806 h 318053"/>
                <a:gd name="connsiteX1" fmla="*/ 0 w 604299"/>
                <a:gd name="connsiteY1" fmla="*/ 310101 h 318053"/>
                <a:gd name="connsiteX2" fmla="*/ 604299 w 604299"/>
                <a:gd name="connsiteY2" fmla="*/ 318053 h 318053"/>
                <a:gd name="connsiteX3" fmla="*/ 588397 w 604299"/>
                <a:gd name="connsiteY3" fmla="*/ 0 h 318053"/>
                <a:gd name="connsiteX4" fmla="*/ 429371 w 604299"/>
                <a:gd name="connsiteY4" fmla="*/ 63611 h 318053"/>
                <a:gd name="connsiteX5" fmla="*/ 174929 w 604299"/>
                <a:gd name="connsiteY5" fmla="*/ 71562 h 318053"/>
                <a:gd name="connsiteX6" fmla="*/ 127221 w 604299"/>
                <a:gd name="connsiteY6" fmla="*/ 31806 h 318053"/>
                <a:gd name="connsiteX7" fmla="*/ 0 w 604299"/>
                <a:gd name="connsiteY7" fmla="*/ 31806 h 318053"/>
                <a:gd name="connsiteX0" fmla="*/ 0 w 604299"/>
                <a:gd name="connsiteY0" fmla="*/ 31806 h 318053"/>
                <a:gd name="connsiteX1" fmla="*/ 0 w 604299"/>
                <a:gd name="connsiteY1" fmla="*/ 310101 h 318053"/>
                <a:gd name="connsiteX2" fmla="*/ 604299 w 604299"/>
                <a:gd name="connsiteY2" fmla="*/ 318053 h 318053"/>
                <a:gd name="connsiteX3" fmla="*/ 588397 w 604299"/>
                <a:gd name="connsiteY3" fmla="*/ 0 h 318053"/>
                <a:gd name="connsiteX4" fmla="*/ 429371 w 604299"/>
                <a:gd name="connsiteY4" fmla="*/ 63611 h 318053"/>
                <a:gd name="connsiteX5" fmla="*/ 314015 w 604299"/>
                <a:gd name="connsiteY5" fmla="*/ 79265 h 318053"/>
                <a:gd name="connsiteX6" fmla="*/ 174929 w 604299"/>
                <a:gd name="connsiteY6" fmla="*/ 71562 h 318053"/>
                <a:gd name="connsiteX7" fmla="*/ 127221 w 604299"/>
                <a:gd name="connsiteY7" fmla="*/ 31806 h 318053"/>
                <a:gd name="connsiteX8" fmla="*/ 0 w 604299"/>
                <a:gd name="connsiteY8" fmla="*/ 31806 h 318053"/>
                <a:gd name="connsiteX0" fmla="*/ 0 w 604299"/>
                <a:gd name="connsiteY0" fmla="*/ 31806 h 318053"/>
                <a:gd name="connsiteX1" fmla="*/ 0 w 604299"/>
                <a:gd name="connsiteY1" fmla="*/ 310101 h 318053"/>
                <a:gd name="connsiteX2" fmla="*/ 604299 w 604299"/>
                <a:gd name="connsiteY2" fmla="*/ 318053 h 318053"/>
                <a:gd name="connsiteX3" fmla="*/ 588397 w 604299"/>
                <a:gd name="connsiteY3" fmla="*/ 0 h 318053"/>
                <a:gd name="connsiteX4" fmla="*/ 491283 w 604299"/>
                <a:gd name="connsiteY4" fmla="*/ 32654 h 318053"/>
                <a:gd name="connsiteX5" fmla="*/ 314015 w 604299"/>
                <a:gd name="connsiteY5" fmla="*/ 79265 h 318053"/>
                <a:gd name="connsiteX6" fmla="*/ 174929 w 604299"/>
                <a:gd name="connsiteY6" fmla="*/ 71562 h 318053"/>
                <a:gd name="connsiteX7" fmla="*/ 127221 w 604299"/>
                <a:gd name="connsiteY7" fmla="*/ 31806 h 318053"/>
                <a:gd name="connsiteX8" fmla="*/ 0 w 604299"/>
                <a:gd name="connsiteY8" fmla="*/ 31806 h 318053"/>
                <a:gd name="connsiteX0" fmla="*/ 0 w 604299"/>
                <a:gd name="connsiteY0" fmla="*/ 31806 h 318053"/>
                <a:gd name="connsiteX1" fmla="*/ 0 w 604299"/>
                <a:gd name="connsiteY1" fmla="*/ 310101 h 318053"/>
                <a:gd name="connsiteX2" fmla="*/ 604299 w 604299"/>
                <a:gd name="connsiteY2" fmla="*/ 318053 h 318053"/>
                <a:gd name="connsiteX3" fmla="*/ 588397 w 604299"/>
                <a:gd name="connsiteY3" fmla="*/ 0 h 318053"/>
                <a:gd name="connsiteX4" fmla="*/ 491283 w 604299"/>
                <a:gd name="connsiteY4" fmla="*/ 32654 h 318053"/>
                <a:gd name="connsiteX5" fmla="*/ 366403 w 604299"/>
                <a:gd name="connsiteY5" fmla="*/ 14971 h 318053"/>
                <a:gd name="connsiteX6" fmla="*/ 174929 w 604299"/>
                <a:gd name="connsiteY6" fmla="*/ 71562 h 318053"/>
                <a:gd name="connsiteX7" fmla="*/ 127221 w 604299"/>
                <a:gd name="connsiteY7" fmla="*/ 31806 h 318053"/>
                <a:gd name="connsiteX8" fmla="*/ 0 w 604299"/>
                <a:gd name="connsiteY8" fmla="*/ 31806 h 318053"/>
                <a:gd name="connsiteX0" fmla="*/ 0 w 604299"/>
                <a:gd name="connsiteY0" fmla="*/ 31806 h 318053"/>
                <a:gd name="connsiteX1" fmla="*/ 0 w 604299"/>
                <a:gd name="connsiteY1" fmla="*/ 310101 h 318053"/>
                <a:gd name="connsiteX2" fmla="*/ 604299 w 604299"/>
                <a:gd name="connsiteY2" fmla="*/ 318053 h 318053"/>
                <a:gd name="connsiteX3" fmla="*/ 588397 w 604299"/>
                <a:gd name="connsiteY3" fmla="*/ 0 h 318053"/>
                <a:gd name="connsiteX4" fmla="*/ 491283 w 604299"/>
                <a:gd name="connsiteY4" fmla="*/ 32654 h 318053"/>
                <a:gd name="connsiteX5" fmla="*/ 366403 w 604299"/>
                <a:gd name="connsiteY5" fmla="*/ 14971 h 318053"/>
                <a:gd name="connsiteX6" fmla="*/ 243985 w 604299"/>
                <a:gd name="connsiteY6" fmla="*/ 57275 h 318053"/>
                <a:gd name="connsiteX7" fmla="*/ 127221 w 604299"/>
                <a:gd name="connsiteY7" fmla="*/ 31806 h 318053"/>
                <a:gd name="connsiteX8" fmla="*/ 0 w 604299"/>
                <a:gd name="connsiteY8" fmla="*/ 31806 h 318053"/>
                <a:gd name="connsiteX0" fmla="*/ 0 w 604299"/>
                <a:gd name="connsiteY0" fmla="*/ 31806 h 318053"/>
                <a:gd name="connsiteX1" fmla="*/ 0 w 604299"/>
                <a:gd name="connsiteY1" fmla="*/ 310101 h 318053"/>
                <a:gd name="connsiteX2" fmla="*/ 604299 w 604299"/>
                <a:gd name="connsiteY2" fmla="*/ 318053 h 318053"/>
                <a:gd name="connsiteX3" fmla="*/ 588397 w 604299"/>
                <a:gd name="connsiteY3" fmla="*/ 0 h 318053"/>
                <a:gd name="connsiteX4" fmla="*/ 491283 w 604299"/>
                <a:gd name="connsiteY4" fmla="*/ 32654 h 318053"/>
                <a:gd name="connsiteX5" fmla="*/ 366403 w 604299"/>
                <a:gd name="connsiteY5" fmla="*/ 14971 h 318053"/>
                <a:gd name="connsiteX6" fmla="*/ 243985 w 604299"/>
                <a:gd name="connsiteY6" fmla="*/ 57275 h 318053"/>
                <a:gd name="connsiteX7" fmla="*/ 127221 w 604299"/>
                <a:gd name="connsiteY7" fmla="*/ 31806 h 318053"/>
                <a:gd name="connsiteX8" fmla="*/ 0 w 604299"/>
                <a:gd name="connsiteY8" fmla="*/ 31806 h 318053"/>
                <a:gd name="connsiteX0" fmla="*/ 0 w 604299"/>
                <a:gd name="connsiteY0" fmla="*/ 31806 h 318053"/>
                <a:gd name="connsiteX1" fmla="*/ 0 w 604299"/>
                <a:gd name="connsiteY1" fmla="*/ 310101 h 318053"/>
                <a:gd name="connsiteX2" fmla="*/ 604299 w 604299"/>
                <a:gd name="connsiteY2" fmla="*/ 318053 h 318053"/>
                <a:gd name="connsiteX3" fmla="*/ 588397 w 604299"/>
                <a:gd name="connsiteY3" fmla="*/ 0 h 318053"/>
                <a:gd name="connsiteX4" fmla="*/ 491283 w 604299"/>
                <a:gd name="connsiteY4" fmla="*/ 32654 h 318053"/>
                <a:gd name="connsiteX5" fmla="*/ 366403 w 604299"/>
                <a:gd name="connsiteY5" fmla="*/ 14971 h 318053"/>
                <a:gd name="connsiteX6" fmla="*/ 243985 w 604299"/>
                <a:gd name="connsiteY6" fmla="*/ 57275 h 318053"/>
                <a:gd name="connsiteX7" fmla="*/ 131983 w 604299"/>
                <a:gd name="connsiteY7" fmla="*/ 10375 h 318053"/>
                <a:gd name="connsiteX8" fmla="*/ 0 w 604299"/>
                <a:gd name="connsiteY8" fmla="*/ 31806 h 318053"/>
                <a:gd name="connsiteX0" fmla="*/ 0 w 604299"/>
                <a:gd name="connsiteY0" fmla="*/ 31806 h 318053"/>
                <a:gd name="connsiteX1" fmla="*/ 0 w 604299"/>
                <a:gd name="connsiteY1" fmla="*/ 310101 h 318053"/>
                <a:gd name="connsiteX2" fmla="*/ 604299 w 604299"/>
                <a:gd name="connsiteY2" fmla="*/ 318053 h 318053"/>
                <a:gd name="connsiteX3" fmla="*/ 588397 w 604299"/>
                <a:gd name="connsiteY3" fmla="*/ 0 h 318053"/>
                <a:gd name="connsiteX4" fmla="*/ 491283 w 604299"/>
                <a:gd name="connsiteY4" fmla="*/ 32654 h 318053"/>
                <a:gd name="connsiteX5" fmla="*/ 366403 w 604299"/>
                <a:gd name="connsiteY5" fmla="*/ 14971 h 318053"/>
                <a:gd name="connsiteX6" fmla="*/ 243985 w 604299"/>
                <a:gd name="connsiteY6" fmla="*/ 57275 h 318053"/>
                <a:gd name="connsiteX7" fmla="*/ 131983 w 604299"/>
                <a:gd name="connsiteY7" fmla="*/ 10375 h 318053"/>
                <a:gd name="connsiteX8" fmla="*/ 0 w 604299"/>
                <a:gd name="connsiteY8" fmla="*/ 31806 h 318053"/>
                <a:gd name="connsiteX0" fmla="*/ 0 w 604299"/>
                <a:gd name="connsiteY0" fmla="*/ 31806 h 318053"/>
                <a:gd name="connsiteX1" fmla="*/ 0 w 604299"/>
                <a:gd name="connsiteY1" fmla="*/ 310101 h 318053"/>
                <a:gd name="connsiteX2" fmla="*/ 604299 w 604299"/>
                <a:gd name="connsiteY2" fmla="*/ 318053 h 318053"/>
                <a:gd name="connsiteX3" fmla="*/ 588397 w 604299"/>
                <a:gd name="connsiteY3" fmla="*/ 0 h 318053"/>
                <a:gd name="connsiteX4" fmla="*/ 491283 w 604299"/>
                <a:gd name="connsiteY4" fmla="*/ 32654 h 318053"/>
                <a:gd name="connsiteX5" fmla="*/ 366403 w 604299"/>
                <a:gd name="connsiteY5" fmla="*/ 14971 h 318053"/>
                <a:gd name="connsiteX6" fmla="*/ 243985 w 604299"/>
                <a:gd name="connsiteY6" fmla="*/ 57275 h 318053"/>
                <a:gd name="connsiteX7" fmla="*/ 131983 w 604299"/>
                <a:gd name="connsiteY7" fmla="*/ 10375 h 318053"/>
                <a:gd name="connsiteX8" fmla="*/ 0 w 604299"/>
                <a:gd name="connsiteY8" fmla="*/ 31806 h 318053"/>
                <a:gd name="connsiteX0" fmla="*/ 0 w 590011"/>
                <a:gd name="connsiteY0" fmla="*/ 31806 h 313291"/>
                <a:gd name="connsiteX1" fmla="*/ 0 w 590011"/>
                <a:gd name="connsiteY1" fmla="*/ 310101 h 313291"/>
                <a:gd name="connsiteX2" fmla="*/ 590011 w 590011"/>
                <a:gd name="connsiteY2" fmla="*/ 313291 h 313291"/>
                <a:gd name="connsiteX3" fmla="*/ 588397 w 590011"/>
                <a:gd name="connsiteY3" fmla="*/ 0 h 313291"/>
                <a:gd name="connsiteX4" fmla="*/ 491283 w 590011"/>
                <a:gd name="connsiteY4" fmla="*/ 32654 h 313291"/>
                <a:gd name="connsiteX5" fmla="*/ 366403 w 590011"/>
                <a:gd name="connsiteY5" fmla="*/ 14971 h 313291"/>
                <a:gd name="connsiteX6" fmla="*/ 243985 w 590011"/>
                <a:gd name="connsiteY6" fmla="*/ 57275 h 313291"/>
                <a:gd name="connsiteX7" fmla="*/ 131983 w 590011"/>
                <a:gd name="connsiteY7" fmla="*/ 10375 h 313291"/>
                <a:gd name="connsiteX8" fmla="*/ 0 w 590011"/>
                <a:gd name="connsiteY8" fmla="*/ 31806 h 313291"/>
                <a:gd name="connsiteX0" fmla="*/ 0 w 590011"/>
                <a:gd name="connsiteY0" fmla="*/ 31806 h 313291"/>
                <a:gd name="connsiteX1" fmla="*/ 0 w 590011"/>
                <a:gd name="connsiteY1" fmla="*/ 310101 h 313291"/>
                <a:gd name="connsiteX2" fmla="*/ 590011 w 590011"/>
                <a:gd name="connsiteY2" fmla="*/ 313291 h 313291"/>
                <a:gd name="connsiteX3" fmla="*/ 586015 w 590011"/>
                <a:gd name="connsiteY3" fmla="*/ 0 h 313291"/>
                <a:gd name="connsiteX4" fmla="*/ 491283 w 590011"/>
                <a:gd name="connsiteY4" fmla="*/ 32654 h 313291"/>
                <a:gd name="connsiteX5" fmla="*/ 366403 w 590011"/>
                <a:gd name="connsiteY5" fmla="*/ 14971 h 313291"/>
                <a:gd name="connsiteX6" fmla="*/ 243985 w 590011"/>
                <a:gd name="connsiteY6" fmla="*/ 57275 h 313291"/>
                <a:gd name="connsiteX7" fmla="*/ 131983 w 590011"/>
                <a:gd name="connsiteY7" fmla="*/ 10375 h 313291"/>
                <a:gd name="connsiteX8" fmla="*/ 0 w 590011"/>
                <a:gd name="connsiteY8" fmla="*/ 31806 h 313291"/>
                <a:gd name="connsiteX0" fmla="*/ 0 w 590011"/>
                <a:gd name="connsiteY0" fmla="*/ 31806 h 313291"/>
                <a:gd name="connsiteX1" fmla="*/ 0 w 590011"/>
                <a:gd name="connsiteY1" fmla="*/ 310101 h 313291"/>
                <a:gd name="connsiteX2" fmla="*/ 590011 w 590011"/>
                <a:gd name="connsiteY2" fmla="*/ 313291 h 313291"/>
                <a:gd name="connsiteX3" fmla="*/ 586015 w 590011"/>
                <a:gd name="connsiteY3" fmla="*/ 0 h 313291"/>
                <a:gd name="connsiteX4" fmla="*/ 491283 w 590011"/>
                <a:gd name="connsiteY4" fmla="*/ 32654 h 313291"/>
                <a:gd name="connsiteX5" fmla="*/ 366403 w 590011"/>
                <a:gd name="connsiteY5" fmla="*/ 14971 h 313291"/>
                <a:gd name="connsiteX6" fmla="*/ 243985 w 590011"/>
                <a:gd name="connsiteY6" fmla="*/ 57275 h 313291"/>
                <a:gd name="connsiteX7" fmla="*/ 131983 w 590011"/>
                <a:gd name="connsiteY7" fmla="*/ 10375 h 313291"/>
                <a:gd name="connsiteX8" fmla="*/ 0 w 590011"/>
                <a:gd name="connsiteY8" fmla="*/ 31806 h 3132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590011" h="313291">
                  <a:moveTo>
                    <a:pt x="0" y="31806"/>
                  </a:moveTo>
                  <a:lnTo>
                    <a:pt x="0" y="310101"/>
                  </a:lnTo>
                  <a:lnTo>
                    <a:pt x="590011" y="313291"/>
                  </a:lnTo>
                  <a:cubicBezTo>
                    <a:pt x="588679" y="156474"/>
                    <a:pt x="587347" y="104430"/>
                    <a:pt x="586015" y="0"/>
                  </a:cubicBezTo>
                  <a:lnTo>
                    <a:pt x="491283" y="32654"/>
                  </a:lnTo>
                  <a:cubicBezTo>
                    <a:pt x="445553" y="45865"/>
                    <a:pt x="408810" y="13646"/>
                    <a:pt x="366403" y="14971"/>
                  </a:cubicBezTo>
                  <a:cubicBezTo>
                    <a:pt x="323996" y="16296"/>
                    <a:pt x="282261" y="58041"/>
                    <a:pt x="243985" y="57275"/>
                  </a:cubicBezTo>
                  <a:cubicBezTo>
                    <a:pt x="225205" y="54714"/>
                    <a:pt x="162282" y="17948"/>
                    <a:pt x="131983" y="10375"/>
                  </a:cubicBezTo>
                  <a:cubicBezTo>
                    <a:pt x="73984" y="-6766"/>
                    <a:pt x="50201" y="15903"/>
                    <a:pt x="0" y="31806"/>
                  </a:cubicBezTo>
                  <a:close/>
                </a:path>
              </a:pathLst>
            </a:custGeom>
            <a:solidFill>
              <a:srgbClr val="31A354">
                <a:alpha val="50196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25" name="Picture 2" descr="Switch Screen Icons - Download Free Vector Icons | Noun Project">
              <a:extLst>
                <a:ext uri="{FF2B5EF4-FFF2-40B4-BE49-F238E27FC236}">
                  <a16:creationId xmlns:a16="http://schemas.microsoft.com/office/drawing/2014/main" id="{7E9A46CB-6BF9-8380-7417-635EA010BB8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08055" y="5296050"/>
              <a:ext cx="619576" cy="595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6" name="Picture 2" descr="Switch Screen Icons - Download Free Vector Icons | Noun Project">
              <a:extLst>
                <a:ext uri="{FF2B5EF4-FFF2-40B4-BE49-F238E27FC236}">
                  <a16:creationId xmlns:a16="http://schemas.microsoft.com/office/drawing/2014/main" id="{45A2B0FA-E6EB-2619-F83A-6E0F9BA3999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90797" y="3121222"/>
              <a:ext cx="620614" cy="59677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>
              <a:extLst>
                <a:ext uri="{FF2B5EF4-FFF2-40B4-BE49-F238E27FC236}">
                  <a16:creationId xmlns:a16="http://schemas.microsoft.com/office/drawing/2014/main" id="{CA22BB8F-23EC-706E-3224-626752CC3C1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duotone>
                <a:schemeClr val="bg2">
                  <a:shade val="45000"/>
                  <a:satMod val="135000"/>
                </a:schemeClr>
                <a:prstClr val="white"/>
              </a:duotone>
            </a:blip>
            <a:stretch>
              <a:fillRect/>
            </a:stretch>
          </p:blipFill>
          <p:spPr>
            <a:xfrm>
              <a:off x="2808166" y="4656450"/>
              <a:ext cx="532416" cy="511961"/>
            </a:xfrm>
            <a:prstGeom prst="rect">
              <a:avLst/>
            </a:prstGeom>
          </p:spPr>
        </p:pic>
        <p:pic>
          <p:nvPicPr>
            <p:cNvPr id="30" name="Picture 2" descr="Switch Screen Icons - Download Free Vector Icons | Noun Project">
              <a:extLst>
                <a:ext uri="{FF2B5EF4-FFF2-40B4-BE49-F238E27FC236}">
                  <a16:creationId xmlns:a16="http://schemas.microsoft.com/office/drawing/2014/main" id="{4065CBB2-942C-D4E6-DB3E-696337B9C21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43186" y="5296213"/>
              <a:ext cx="619576" cy="595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1" name="Picture 2" descr="Switch Screen Icons - Download Free Vector Icons | Noun Project">
              <a:extLst>
                <a:ext uri="{FF2B5EF4-FFF2-40B4-BE49-F238E27FC236}">
                  <a16:creationId xmlns:a16="http://schemas.microsoft.com/office/drawing/2014/main" id="{6239BB3C-D1AE-63B9-5836-92F465914C6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725927" y="3121386"/>
              <a:ext cx="620614" cy="59677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4129004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CE8883-3939-248A-95F2-018247B9EF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ifting the multiple possible outcomes</a:t>
            </a:r>
          </a:p>
        </p:txBody>
      </p:sp>
      <p:pic>
        <p:nvPicPr>
          <p:cNvPr id="4" name="Content Placeholder 6">
            <a:extLst>
              <a:ext uri="{FF2B5EF4-FFF2-40B4-BE49-F238E27FC236}">
                <a16:creationId xmlns:a16="http://schemas.microsoft.com/office/drawing/2014/main" id="{3B386977-7236-1946-D73A-F655C367AEB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t="13043"/>
          <a:stretch/>
        </p:blipFill>
        <p:spPr>
          <a:xfrm>
            <a:off x="1623527" y="2184536"/>
            <a:ext cx="8146741" cy="45329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162979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BC15ED-0F9A-EA40-4244-437064590C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tay within the lin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819A3D5-B071-E1A8-42CA-690C46D6298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3" y="2180496"/>
            <a:ext cx="5514808" cy="4356106"/>
          </a:xfrm>
        </p:spPr>
        <p:txBody>
          <a:bodyPr>
            <a:normAutofit fontScale="62500" lnSpcReduction="20000"/>
          </a:bodyPr>
          <a:lstStyle/>
          <a:p>
            <a:r>
              <a:rPr lang="en-US"/>
              <a:t>2 on Power Balance</a:t>
            </a:r>
          </a:p>
          <a:p>
            <a:pPr lvl="1"/>
            <a:r>
              <a:rPr lang="en-US"/>
              <a:t>Grid charge/discharge = total system energy flow </a:t>
            </a:r>
          </a:p>
          <a:p>
            <a:pPr lvl="1"/>
            <a:r>
              <a:rPr lang="en-US"/>
              <a:t>Take efficiency losses out</a:t>
            </a:r>
          </a:p>
          <a:p>
            <a:r>
              <a:rPr lang="en-US"/>
              <a:t>1 on State of Charge</a:t>
            </a:r>
          </a:p>
          <a:p>
            <a:r>
              <a:rPr lang="en-US"/>
              <a:t>7 on Capacity Limits</a:t>
            </a:r>
          </a:p>
          <a:p>
            <a:pPr lvl="1"/>
            <a:r>
              <a:rPr lang="en-US"/>
              <a:t>Storage charge/discharge </a:t>
            </a:r>
          </a:p>
          <a:p>
            <a:pPr lvl="1"/>
            <a:r>
              <a:rPr lang="en-US"/>
              <a:t>SOC limits</a:t>
            </a:r>
          </a:p>
          <a:p>
            <a:pPr lvl="1"/>
            <a:r>
              <a:rPr lang="en-US"/>
              <a:t>Grid interconnection limits</a:t>
            </a:r>
          </a:p>
          <a:p>
            <a:pPr lvl="1"/>
            <a:r>
              <a:rPr lang="en-US"/>
              <a:t>AS available capacity based on energy offerings </a:t>
            </a:r>
          </a:p>
          <a:p>
            <a:r>
              <a:rPr lang="en-US"/>
              <a:t>1 on Cycling Limit</a:t>
            </a:r>
          </a:p>
          <a:p>
            <a:r>
              <a:rPr lang="en-US"/>
              <a:t>5 on Not Allowing Co-Charging</a:t>
            </a:r>
          </a:p>
          <a:p>
            <a:pPr lvl="1"/>
            <a:r>
              <a:rPr lang="en-US"/>
              <a:t>Make sure Reg-Down does not flip grid energy flow direction</a:t>
            </a:r>
          </a:p>
          <a:p>
            <a:r>
              <a:rPr lang="en-US"/>
              <a:t>3 on Status</a:t>
            </a:r>
          </a:p>
          <a:p>
            <a:r>
              <a:rPr lang="en-US"/>
              <a:t>4 on Bid Formulation</a:t>
            </a:r>
          </a:p>
          <a:p>
            <a:pPr marL="0" indent="0">
              <a:buNone/>
            </a:pPr>
            <a:r>
              <a:rPr lang="en-US" i="1"/>
              <a:t>AND FINALLY</a:t>
            </a:r>
          </a:p>
          <a:p>
            <a:r>
              <a:rPr lang="en-US"/>
              <a:t>Upper and Lower Bounds for all decision variables</a:t>
            </a:r>
          </a:p>
          <a:p>
            <a:endParaRPr lang="en-US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692FF2A-9555-1788-C2EC-2B55DAB4C70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3150" t="18241" r="24956" b="18241"/>
          <a:stretch/>
        </p:blipFill>
        <p:spPr>
          <a:xfrm>
            <a:off x="6096000" y="1945904"/>
            <a:ext cx="5107737" cy="43561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150930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56BF3F-47B8-2D4D-F67F-83D6D6225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Working with tea…</a:t>
            </a:r>
            <a:br>
              <a:rPr lang="en-US"/>
            </a:br>
            <a:r>
              <a:rPr lang="en-US"/>
              <a:t>…Powered by </a:t>
            </a:r>
            <a:r>
              <a:rPr lang="en-US" err="1"/>
              <a:t>stora</a:t>
            </a:r>
            <a:r>
              <a:rPr lang="en-US"/>
              <a:t> &amp; Data dynamics</a:t>
            </a:r>
          </a:p>
        </p:txBody>
      </p:sp>
      <p:pic>
        <p:nvPicPr>
          <p:cNvPr id="23" name="Picture 2">
            <a:extLst>
              <a:ext uri="{FF2B5EF4-FFF2-40B4-BE49-F238E27FC236}">
                <a16:creationId xmlns:a16="http://schemas.microsoft.com/office/drawing/2014/main" id="{94D00D5F-8360-90BE-7BC5-F10B4E84A89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>
            <a:fillRect/>
          </a:stretch>
        </p:blipFill>
        <p:spPr>
          <a:xfrm>
            <a:off x="952516" y="2486842"/>
            <a:ext cx="643573" cy="611394"/>
          </a:xfrm>
          <a:prstGeom prst="rect">
            <a:avLst/>
          </a:prstGeom>
        </p:spPr>
      </p:pic>
      <p:pic>
        <p:nvPicPr>
          <p:cNvPr id="24" name="Picture 3">
            <a:extLst>
              <a:ext uri="{FF2B5EF4-FFF2-40B4-BE49-F238E27FC236}">
                <a16:creationId xmlns:a16="http://schemas.microsoft.com/office/drawing/2014/main" id="{B4C0A738-929C-3FB9-712D-78E19255D03D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>
            <a:off x="6498666" y="3619681"/>
            <a:ext cx="785539" cy="645570"/>
          </a:xfrm>
          <a:prstGeom prst="rect">
            <a:avLst/>
          </a:prstGeom>
        </p:spPr>
      </p:pic>
      <p:pic>
        <p:nvPicPr>
          <p:cNvPr id="25" name="Picture 4">
            <a:extLst>
              <a:ext uri="{FF2B5EF4-FFF2-40B4-BE49-F238E27FC236}">
                <a16:creationId xmlns:a16="http://schemas.microsoft.com/office/drawing/2014/main" id="{5550EADA-7877-B299-02C7-439DD5456AB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rcRect/>
          <a:stretch>
            <a:fillRect/>
          </a:stretch>
        </p:blipFill>
        <p:spPr>
          <a:xfrm>
            <a:off x="888183" y="4734966"/>
            <a:ext cx="713890" cy="713890"/>
          </a:xfrm>
          <a:prstGeom prst="rect">
            <a:avLst/>
          </a:prstGeom>
        </p:spPr>
      </p:pic>
      <p:pic>
        <p:nvPicPr>
          <p:cNvPr id="26" name="Picture 5">
            <a:extLst>
              <a:ext uri="{FF2B5EF4-FFF2-40B4-BE49-F238E27FC236}">
                <a16:creationId xmlns:a16="http://schemas.microsoft.com/office/drawing/2014/main" id="{A6208DF6-C567-CD4A-AA7E-C6F821931AD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>
            <a:fillRect/>
          </a:stretch>
        </p:blipFill>
        <p:spPr>
          <a:xfrm>
            <a:off x="6534491" y="4764065"/>
            <a:ext cx="655691" cy="655691"/>
          </a:xfrm>
          <a:prstGeom prst="rect">
            <a:avLst/>
          </a:prstGeom>
        </p:spPr>
      </p:pic>
      <p:pic>
        <p:nvPicPr>
          <p:cNvPr id="27" name="Picture 6">
            <a:extLst>
              <a:ext uri="{FF2B5EF4-FFF2-40B4-BE49-F238E27FC236}">
                <a16:creationId xmlns:a16="http://schemas.microsoft.com/office/drawing/2014/main" id="{0FBC7F2E-3E1C-898B-468B-135F94486F44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>
            <a:fillRect/>
          </a:stretch>
        </p:blipFill>
        <p:spPr>
          <a:xfrm>
            <a:off x="837622" y="3585521"/>
            <a:ext cx="793211" cy="713890"/>
          </a:xfrm>
          <a:prstGeom prst="rect">
            <a:avLst/>
          </a:prstGeom>
        </p:spPr>
      </p:pic>
      <p:pic>
        <p:nvPicPr>
          <p:cNvPr id="28" name="Picture 8">
            <a:extLst>
              <a:ext uri="{FF2B5EF4-FFF2-40B4-BE49-F238E27FC236}">
                <a16:creationId xmlns:a16="http://schemas.microsoft.com/office/drawing/2014/main" id="{628A6365-517E-5D4E-5E8C-1FE427299CD2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rcRect/>
          <a:stretch>
            <a:fillRect/>
          </a:stretch>
        </p:blipFill>
        <p:spPr>
          <a:xfrm>
            <a:off x="6517121" y="2486842"/>
            <a:ext cx="713890" cy="713890"/>
          </a:xfrm>
          <a:prstGeom prst="rect">
            <a:avLst/>
          </a:prstGeom>
        </p:spPr>
      </p:pic>
      <p:sp>
        <p:nvSpPr>
          <p:cNvPr id="43" name="TextBox 42">
            <a:extLst>
              <a:ext uri="{FF2B5EF4-FFF2-40B4-BE49-F238E27FC236}">
                <a16:creationId xmlns:a16="http://schemas.microsoft.com/office/drawing/2014/main" id="{DBA9058D-315B-B42B-BCD1-4D8030C84783}"/>
              </a:ext>
            </a:extLst>
          </p:cNvPr>
          <p:cNvSpPr txBox="1"/>
          <p:nvPr/>
        </p:nvSpPr>
        <p:spPr>
          <a:xfrm>
            <a:off x="2146031" y="2592484"/>
            <a:ext cx="382114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25 Years Market Experience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BED1B235-7B26-B176-D93B-5782716E37A8}"/>
              </a:ext>
            </a:extLst>
          </p:cNvPr>
          <p:cNvSpPr txBox="1"/>
          <p:nvPr/>
        </p:nvSpPr>
        <p:spPr>
          <a:xfrm>
            <a:off x="2146030" y="3742411"/>
            <a:ext cx="382114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Strategic Partner for Public Power</a:t>
            </a:r>
          </a:p>
        </p:txBody>
      </p:sp>
      <p:sp>
        <p:nvSpPr>
          <p:cNvPr id="63" name="TextBox 62">
            <a:extLst>
              <a:ext uri="{FF2B5EF4-FFF2-40B4-BE49-F238E27FC236}">
                <a16:creationId xmlns:a16="http://schemas.microsoft.com/office/drawing/2014/main" id="{DA42D1D1-CBF9-FCC7-8489-D9F2867513AA}"/>
              </a:ext>
            </a:extLst>
          </p:cNvPr>
          <p:cNvSpPr txBox="1"/>
          <p:nvPr/>
        </p:nvSpPr>
        <p:spPr>
          <a:xfrm>
            <a:off x="2146029" y="4941990"/>
            <a:ext cx="382114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Integrative Approach</a:t>
            </a:r>
          </a:p>
        </p:txBody>
      </p:sp>
      <p:sp>
        <p:nvSpPr>
          <p:cNvPr id="64" name="TextBox 63">
            <a:extLst>
              <a:ext uri="{FF2B5EF4-FFF2-40B4-BE49-F238E27FC236}">
                <a16:creationId xmlns:a16="http://schemas.microsoft.com/office/drawing/2014/main" id="{E6B03B93-4EBF-36D4-C161-7E13DEFF719A}"/>
              </a:ext>
            </a:extLst>
          </p:cNvPr>
          <p:cNvSpPr txBox="1"/>
          <p:nvPr/>
        </p:nvSpPr>
        <p:spPr>
          <a:xfrm>
            <a:off x="7815694" y="2592484"/>
            <a:ext cx="382114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Proven Edge in Asset Optimization</a:t>
            </a:r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543E1C14-90B4-FD8A-AA93-69D354D72D45}"/>
              </a:ext>
            </a:extLst>
          </p:cNvPr>
          <p:cNvSpPr txBox="1"/>
          <p:nvPr/>
        </p:nvSpPr>
        <p:spPr>
          <a:xfrm>
            <a:off x="7815694" y="3742411"/>
            <a:ext cx="382114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Megawatts to Gigawatts</a:t>
            </a:r>
          </a:p>
        </p:txBody>
      </p:sp>
      <p:sp>
        <p:nvSpPr>
          <p:cNvPr id="66" name="TextBox 65">
            <a:extLst>
              <a:ext uri="{FF2B5EF4-FFF2-40B4-BE49-F238E27FC236}">
                <a16:creationId xmlns:a16="http://schemas.microsoft.com/office/drawing/2014/main" id="{E70D632A-453F-24DC-6CAD-D03FE110AA96}"/>
              </a:ext>
            </a:extLst>
          </p:cNvPr>
          <p:cNvSpPr txBox="1"/>
          <p:nvPr/>
        </p:nvSpPr>
        <p:spPr>
          <a:xfrm>
            <a:off x="7815694" y="4935688"/>
            <a:ext cx="382114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Holistic Vision</a:t>
            </a:r>
          </a:p>
        </p:txBody>
      </p:sp>
    </p:spTree>
    <p:extLst>
      <p:ext uri="{BB962C8B-B14F-4D97-AF65-F5344CB8AC3E}">
        <p14:creationId xmlns:p14="http://schemas.microsoft.com/office/powerpoint/2010/main" val="230721791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13D506-7F21-AAC9-40DC-34B34CAB81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TO LEARN MORE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972CA0E9-CAF0-1608-0900-1E3E1BA47248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 rotWithShape="1">
          <a:blip r:embed="rId2"/>
          <a:srcRect l="10679" t="32560" b="6274"/>
          <a:stretch/>
        </p:blipFill>
        <p:spPr>
          <a:xfrm>
            <a:off x="6467556" y="1784127"/>
            <a:ext cx="4900654" cy="4344215"/>
          </a:xfrm>
          <a:prstGeom prst="rect">
            <a:avLst/>
          </a:prstGeom>
        </p:spPr>
      </p:pic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2960D7E-945B-0CB5-80A8-8FF68F6B0E3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8028" y="1899538"/>
            <a:ext cx="5422392" cy="1829083"/>
          </a:xfrm>
        </p:spPr>
        <p:txBody>
          <a:bodyPr/>
          <a:lstStyle/>
          <a:p>
            <a:pPr marL="0" indent="0" algn="ctr">
              <a:buNone/>
            </a:pPr>
            <a:r>
              <a:rPr lang="en-US" b="1"/>
              <a:t>James Baker </a:t>
            </a:r>
          </a:p>
          <a:p>
            <a:pPr marL="0" indent="0" algn="ctr">
              <a:buNone/>
            </a:pPr>
            <a:r>
              <a:rPr lang="en-US"/>
              <a:t>Business Development, Emerging Services</a:t>
            </a:r>
          </a:p>
          <a:p>
            <a:pPr marL="0" indent="0" algn="ctr">
              <a:buNone/>
            </a:pPr>
            <a:r>
              <a:rPr lang="en-US"/>
              <a:t>904.360.1302</a:t>
            </a:r>
          </a:p>
          <a:p>
            <a:pPr marL="0" indent="0" algn="ctr">
              <a:buNone/>
            </a:pPr>
            <a:r>
              <a:rPr lang="en-US"/>
              <a:t>jwbaker@teainc.org</a:t>
            </a:r>
          </a:p>
        </p:txBody>
      </p:sp>
      <p:sp>
        <p:nvSpPr>
          <p:cNvPr id="10" name="Arrow: Bent 9">
            <a:extLst>
              <a:ext uri="{FF2B5EF4-FFF2-40B4-BE49-F238E27FC236}">
                <a16:creationId xmlns:a16="http://schemas.microsoft.com/office/drawing/2014/main" id="{4FA8E7DF-386F-A7BE-ED54-A17D6AB72B1D}"/>
              </a:ext>
            </a:extLst>
          </p:cNvPr>
          <p:cNvSpPr/>
          <p:nvPr/>
        </p:nvSpPr>
        <p:spPr>
          <a:xfrm flipV="1">
            <a:off x="2974019" y="3752866"/>
            <a:ext cx="3934780" cy="573690"/>
          </a:xfrm>
          <a:prstGeom prst="bentArrow">
            <a:avLst/>
          </a:prstGeom>
          <a:solidFill>
            <a:srgbClr val="D575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D57528"/>
              </a:solidFill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805B2949-6E3E-F37D-1A27-694C6EC57B9B}"/>
              </a:ext>
            </a:extLst>
          </p:cNvPr>
          <p:cNvSpPr/>
          <p:nvPr/>
        </p:nvSpPr>
        <p:spPr>
          <a:xfrm>
            <a:off x="581192" y="1808372"/>
            <a:ext cx="5136763" cy="1944494"/>
          </a:xfrm>
          <a:prstGeom prst="roundRect">
            <a:avLst/>
          </a:prstGeom>
          <a:noFill/>
          <a:ln w="57150">
            <a:solidFill>
              <a:srgbClr val="D5752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396096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DEFBF29A-5E57-1345-B366-021A2C8864F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73395" y="316472"/>
            <a:ext cx="8731268" cy="6724839"/>
          </a:xfrm>
          <a:prstGeom prst="rect">
            <a:avLst/>
          </a:prstGeom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7A13A837-370B-0540-BD68-57F448E7AF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400"/>
              <a:t>Economies of scal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72C4C9C-888F-2941-A820-9BD1AFA79826}"/>
              </a:ext>
            </a:extLst>
          </p:cNvPr>
          <p:cNvSpPr txBox="1"/>
          <p:nvPr/>
        </p:nvSpPr>
        <p:spPr>
          <a:xfrm>
            <a:off x="5041043" y="992851"/>
            <a:ext cx="2543856" cy="160043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25,000 MW </a:t>
            </a:r>
            <a:b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</a:br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of Generation</a:t>
            </a:r>
          </a:p>
          <a:p>
            <a:pPr algn="ctr"/>
            <a:r>
              <a:rPr lang="en-US" sz="140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30,000 MW of </a:t>
            </a:r>
          </a:p>
          <a:p>
            <a:pPr algn="ctr"/>
            <a:r>
              <a:rPr lang="en-US" sz="140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Peak Demand</a:t>
            </a:r>
          </a:p>
          <a:p>
            <a:pPr algn="ctr"/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&gt;375 Bcf of NG/year</a:t>
            </a:r>
          </a:p>
          <a:p>
            <a:pPr algn="ctr"/>
            <a:r>
              <a:rPr lang="en-US" sz="140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~75 Million </a:t>
            </a:r>
            <a:br>
              <a:rPr lang="en-US" sz="140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</a:br>
            <a:r>
              <a:rPr lang="en-US" sz="140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MWh/year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EFA81095-2235-3F42-A279-F62A4D1973B8}"/>
              </a:ext>
            </a:extLst>
          </p:cNvPr>
          <p:cNvSpPr txBox="1"/>
          <p:nvPr/>
        </p:nvSpPr>
        <p:spPr>
          <a:xfrm>
            <a:off x="9248450" y="4462077"/>
            <a:ext cx="2068073" cy="16004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Over 200,000 transactions per year</a:t>
            </a:r>
          </a:p>
          <a:p>
            <a:pPr algn="ctr"/>
            <a:r>
              <a:rPr lang="en-US" sz="140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#1 in volume among community-owned </a:t>
            </a:r>
            <a:br>
              <a:rPr lang="en-US" sz="140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</a:br>
            <a:r>
              <a:rPr lang="en-US" sz="140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entities</a:t>
            </a:r>
          </a:p>
          <a:p>
            <a:pPr algn="ctr"/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Trade across </a:t>
            </a:r>
            <a:b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</a:br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40 state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62CCF23-464C-5346-8933-683569EC7A93}"/>
              </a:ext>
            </a:extLst>
          </p:cNvPr>
          <p:cNvSpPr txBox="1"/>
          <p:nvPr/>
        </p:nvSpPr>
        <p:spPr>
          <a:xfrm>
            <a:off x="5579680" y="2593289"/>
            <a:ext cx="3377302" cy="16004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Over </a:t>
            </a:r>
            <a:b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</a:br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$1.5B in gross </a:t>
            </a:r>
          </a:p>
          <a:p>
            <a:pPr algn="ctr"/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revenues annually</a:t>
            </a:r>
          </a:p>
          <a:p>
            <a:pPr algn="ctr"/>
            <a:r>
              <a:rPr lang="en-US" sz="140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~200 employees </a:t>
            </a:r>
          </a:p>
          <a:p>
            <a:pPr algn="ctr"/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Offices in </a:t>
            </a:r>
            <a:b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</a:br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Jacksonville, FL </a:t>
            </a:r>
          </a:p>
          <a:p>
            <a:pPr algn="ctr"/>
            <a:r>
              <a:rPr lang="en-US" sz="1400">
                <a:solidFill>
                  <a:srgbClr val="0D877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&amp; Seattle, WA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97EE4158-DAAF-1840-A2A0-D9612B35BCDD}"/>
              </a:ext>
            </a:extLst>
          </p:cNvPr>
          <p:cNvSpPr/>
          <p:nvPr/>
        </p:nvSpPr>
        <p:spPr>
          <a:xfrm>
            <a:off x="773107" y="1582487"/>
            <a:ext cx="2204450" cy="280076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4400" b="1">
                <a:solidFill>
                  <a:schemeClr val="tx1">
                    <a:lumMod val="50000"/>
                    <a:lumOff val="50000"/>
                  </a:schemeClr>
                </a:solidFill>
                <a:latin typeface="Open Sans ExtraBold" panose="020B0606030504020204" pitchFamily="34" charset="0"/>
                <a:ea typeface="Open Sans ExtraBold" panose="020B0606030504020204" pitchFamily="34" charset="0"/>
                <a:cs typeface="Open Sans ExtraBold" panose="020B0606030504020204" pitchFamily="34" charset="0"/>
              </a:rPr>
              <a:t>~60</a:t>
            </a:r>
            <a:br>
              <a:rPr lang="en-US" sz="4400" b="1">
                <a:solidFill>
                  <a:schemeClr val="tx1">
                    <a:lumMod val="50000"/>
                    <a:lumOff val="50000"/>
                  </a:schemeClr>
                </a:solidFill>
                <a:latin typeface="Open Sans ExtraBold" panose="020B0606030504020204" pitchFamily="34" charset="0"/>
                <a:ea typeface="Open Sans ExtraBold" panose="020B0606030504020204" pitchFamily="34" charset="0"/>
                <a:cs typeface="Open Sans ExtraBold" panose="020B0606030504020204" pitchFamily="34" charset="0"/>
              </a:rPr>
            </a:br>
            <a:r>
              <a:rPr lang="en-US" sz="4400" b="1">
                <a:solidFill>
                  <a:schemeClr val="tx1">
                    <a:lumMod val="50000"/>
                    <a:lumOff val="50000"/>
                  </a:schemeClr>
                </a:solidFill>
                <a:latin typeface="Open Sans ExtraBold" panose="020B0606030504020204" pitchFamily="34" charset="0"/>
                <a:ea typeface="Open Sans ExtraBold" panose="020B0606030504020204" pitchFamily="34" charset="0"/>
                <a:cs typeface="Open Sans ExtraBold" panose="020B0606030504020204" pitchFamily="34" charset="0"/>
              </a:rPr>
              <a:t>Public</a:t>
            </a:r>
            <a:br>
              <a:rPr lang="en-US" sz="4400" b="1">
                <a:solidFill>
                  <a:schemeClr val="tx1">
                    <a:lumMod val="50000"/>
                    <a:lumOff val="50000"/>
                  </a:schemeClr>
                </a:solidFill>
                <a:latin typeface="Open Sans ExtraBold" panose="020B0606030504020204" pitchFamily="34" charset="0"/>
                <a:ea typeface="Open Sans ExtraBold" panose="020B0606030504020204" pitchFamily="34" charset="0"/>
                <a:cs typeface="Open Sans ExtraBold" panose="020B0606030504020204" pitchFamily="34" charset="0"/>
              </a:rPr>
            </a:br>
            <a:r>
              <a:rPr lang="en-US" sz="4400" b="1">
                <a:solidFill>
                  <a:schemeClr val="tx1">
                    <a:lumMod val="50000"/>
                    <a:lumOff val="50000"/>
                  </a:schemeClr>
                </a:solidFill>
                <a:latin typeface="Open Sans ExtraBold" panose="020B0606030504020204" pitchFamily="34" charset="0"/>
                <a:ea typeface="Open Sans ExtraBold" panose="020B0606030504020204" pitchFamily="34" charset="0"/>
                <a:cs typeface="Open Sans ExtraBold" panose="020B0606030504020204" pitchFamily="34" charset="0"/>
              </a:rPr>
              <a:t>Power</a:t>
            </a:r>
            <a:br>
              <a:rPr lang="en-US" sz="4400" b="1">
                <a:solidFill>
                  <a:schemeClr val="tx1">
                    <a:lumMod val="50000"/>
                    <a:lumOff val="50000"/>
                  </a:schemeClr>
                </a:solidFill>
                <a:latin typeface="Open Sans ExtraBold" panose="020B0606030504020204" pitchFamily="34" charset="0"/>
                <a:ea typeface="Open Sans ExtraBold" panose="020B0606030504020204" pitchFamily="34" charset="0"/>
                <a:cs typeface="Open Sans ExtraBold" panose="020B0606030504020204" pitchFamily="34" charset="0"/>
              </a:rPr>
            </a:br>
            <a:r>
              <a:rPr lang="en-US" sz="4400" b="1">
                <a:solidFill>
                  <a:schemeClr val="tx1">
                    <a:lumMod val="50000"/>
                    <a:lumOff val="50000"/>
                  </a:schemeClr>
                </a:solidFill>
                <a:latin typeface="Open Sans ExtraBold" panose="020B0606030504020204" pitchFamily="34" charset="0"/>
                <a:ea typeface="Open Sans ExtraBold" panose="020B0606030504020204" pitchFamily="34" charset="0"/>
                <a:cs typeface="Open Sans ExtraBold" panose="020B0606030504020204" pitchFamily="34" charset="0"/>
              </a:rPr>
              <a:t>Clients</a:t>
            </a:r>
          </a:p>
        </p:txBody>
      </p:sp>
      <p:pic>
        <p:nvPicPr>
          <p:cNvPr id="17" name="Graphic 16" descr="Chevron arrows outline">
            <a:extLst>
              <a:ext uri="{FF2B5EF4-FFF2-40B4-BE49-F238E27FC236}">
                <a16:creationId xmlns:a16="http://schemas.microsoft.com/office/drawing/2014/main" id="{EA39ED92-A6FF-FD41-9316-21C48E136AA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870456" y="2319800"/>
            <a:ext cx="1326140" cy="1326140"/>
          </a:xfrm>
          <a:prstGeom prst="rect">
            <a:avLst/>
          </a:prstGeom>
        </p:spPr>
      </p:pic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EB1E50E8-A8B4-BE4D-9548-26BC1E9F93E8}"/>
              </a:ext>
            </a:extLst>
          </p:cNvPr>
          <p:cNvSpPr/>
          <p:nvPr/>
        </p:nvSpPr>
        <p:spPr>
          <a:xfrm>
            <a:off x="4556438" y="2134681"/>
            <a:ext cx="1036935" cy="499265"/>
          </a:xfrm>
          <a:prstGeom prst="roundRect">
            <a:avLst/>
          </a:prstGeom>
          <a:solidFill>
            <a:srgbClr val="0D8775"/>
          </a:solidFill>
          <a:ln>
            <a:solidFill>
              <a:schemeClr val="bg1"/>
            </a:solidFill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b="1">
                <a:latin typeface="Open Sans SemiBold" panose="020B0606030504020204" pitchFamily="34" charset="0"/>
                <a:ea typeface="Open Sans SemiBold" panose="020B0606030504020204" pitchFamily="34" charset="0"/>
                <a:cs typeface="Open Sans SemiBold" panose="020B0606030504020204" pitchFamily="34" charset="0"/>
              </a:rPr>
              <a:t>30,000 MW</a:t>
            </a:r>
          </a:p>
        </p:txBody>
      </p:sp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213F7FEA-180F-C14A-A075-B21E8625BAB7}"/>
              </a:ext>
            </a:extLst>
          </p:cNvPr>
          <p:cNvSpPr/>
          <p:nvPr/>
        </p:nvSpPr>
        <p:spPr>
          <a:xfrm>
            <a:off x="7748653" y="2343656"/>
            <a:ext cx="1036935" cy="499265"/>
          </a:xfrm>
          <a:prstGeom prst="roundRect">
            <a:avLst/>
          </a:prstGeom>
          <a:solidFill>
            <a:srgbClr val="0D8775"/>
          </a:solidFill>
          <a:ln>
            <a:solidFill>
              <a:schemeClr val="bg1"/>
            </a:solidFill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b="1">
                <a:latin typeface="Open Sans SemiBold" panose="020B0606030504020204" pitchFamily="34" charset="0"/>
                <a:ea typeface="Open Sans SemiBold" panose="020B0606030504020204" pitchFamily="34" charset="0"/>
                <a:cs typeface="Open Sans SemiBold" panose="020B0606030504020204" pitchFamily="34" charset="0"/>
              </a:rPr>
              <a:t>$1.5B</a:t>
            </a:r>
          </a:p>
        </p:txBody>
      </p:sp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17B519D8-C39F-034E-B02B-C7F238EFCCC4}"/>
              </a:ext>
            </a:extLst>
          </p:cNvPr>
          <p:cNvSpPr/>
          <p:nvPr/>
        </p:nvSpPr>
        <p:spPr>
          <a:xfrm>
            <a:off x="8854582" y="5748468"/>
            <a:ext cx="832135" cy="499265"/>
          </a:xfrm>
          <a:prstGeom prst="roundRect">
            <a:avLst/>
          </a:prstGeom>
          <a:solidFill>
            <a:srgbClr val="0D8775"/>
          </a:solidFill>
          <a:ln>
            <a:solidFill>
              <a:schemeClr val="bg1"/>
            </a:solidFill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b="1">
                <a:latin typeface="Open Sans SemiBold" panose="020B0606030504020204" pitchFamily="34" charset="0"/>
                <a:ea typeface="Open Sans SemiBold" panose="020B0606030504020204" pitchFamily="34" charset="0"/>
                <a:cs typeface="Open Sans SemiBold" panose="020B0606030504020204" pitchFamily="34" charset="0"/>
              </a:rPr>
              <a:t>#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31004115"/>
      </p:ext>
    </p:extLst>
  </p:cSld>
  <p:clrMapOvr>
    <a:masterClrMapping/>
  </p:clrMapOvr>
  <p:transition spd="slow">
    <p:wip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30" name="Group 1029">
            <a:extLst>
              <a:ext uri="{FF2B5EF4-FFF2-40B4-BE49-F238E27FC236}">
                <a16:creationId xmlns:a16="http://schemas.microsoft.com/office/drawing/2014/main" id="{C81D209B-2C25-BBA6-1072-BFCDBDD88919}"/>
              </a:ext>
            </a:extLst>
          </p:cNvPr>
          <p:cNvGrpSpPr/>
          <p:nvPr/>
        </p:nvGrpSpPr>
        <p:grpSpPr>
          <a:xfrm>
            <a:off x="1778410" y="680956"/>
            <a:ext cx="9662221" cy="6102610"/>
            <a:chOff x="1852839" y="925511"/>
            <a:chExt cx="8575225" cy="5501184"/>
          </a:xfrm>
        </p:grpSpPr>
        <p:pic>
          <p:nvPicPr>
            <p:cNvPr id="277" name="Picture 2" descr="RTO Backgrounders - Sustainable FERC Project">
              <a:extLst>
                <a:ext uri="{FF2B5EF4-FFF2-40B4-BE49-F238E27FC236}">
                  <a16:creationId xmlns:a16="http://schemas.microsoft.com/office/drawing/2014/main" id="{492B0CEA-C8B8-FE4D-8533-B2775D8A191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rot="150978">
              <a:off x="1852839" y="925511"/>
              <a:ext cx="8575225" cy="550118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grpSp>
          <p:nvGrpSpPr>
            <p:cNvPr id="250" name="Group 249"/>
            <p:cNvGrpSpPr/>
            <p:nvPr/>
          </p:nvGrpSpPr>
          <p:grpSpPr>
            <a:xfrm>
              <a:off x="2464469" y="2969955"/>
              <a:ext cx="533401" cy="707018"/>
              <a:chOff x="-1060944" y="3870415"/>
              <a:chExt cx="533401" cy="707018"/>
            </a:xfrm>
          </p:grpSpPr>
          <p:grpSp>
            <p:nvGrpSpPr>
              <p:cNvPr id="231" name="Group 230"/>
              <p:cNvGrpSpPr/>
              <p:nvPr/>
            </p:nvGrpSpPr>
            <p:grpSpPr>
              <a:xfrm>
                <a:off x="-1060944" y="3870415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32" name="Isosceles Triangle 231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33" name="Oval 232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42" name="Picture 241"/>
              <p:cNvPicPr>
                <a:picLocks noChangeAspect="1"/>
              </p:cNvPicPr>
              <p:nvPr/>
            </p:nvPicPr>
            <p:blipFill rotWithShape="1">
              <a:blip r:embed="rId5"/>
              <a:srcRect t="229" r="1213"/>
              <a:stretch/>
            </p:blipFill>
            <p:spPr>
              <a:xfrm>
                <a:off x="-1019834" y="3875360"/>
                <a:ext cx="440924" cy="445314"/>
              </a:xfrm>
              <a:prstGeom prst="ellipse">
                <a:avLst/>
              </a:prstGeom>
            </p:spPr>
          </p:pic>
        </p:grpSp>
        <p:grpSp>
          <p:nvGrpSpPr>
            <p:cNvPr id="6" name="Group 5"/>
            <p:cNvGrpSpPr/>
            <p:nvPr/>
          </p:nvGrpSpPr>
          <p:grpSpPr>
            <a:xfrm>
              <a:off x="2182031" y="2579000"/>
              <a:ext cx="533401" cy="707018"/>
              <a:chOff x="685800" y="2034462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7" name="Group 6"/>
              <p:cNvGrpSpPr/>
              <p:nvPr/>
            </p:nvGrpSpPr>
            <p:grpSpPr>
              <a:xfrm>
                <a:off x="685800" y="2034462"/>
                <a:ext cx="1066800" cy="1316618"/>
                <a:chOff x="762000" y="2348628"/>
                <a:chExt cx="762000" cy="965944"/>
              </a:xfrm>
            </p:grpSpPr>
            <p:sp>
              <p:nvSpPr>
                <p:cNvPr id="9" name="Isosceles Triangle 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0" name="Oval 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8" name="Picture 10" descr="http://vislab.ucr.edu/TEMPLATE/UC.png"/>
              <p:cNvPicPr>
                <a:picLocks noChangeAspect="1" noChangeArrowheads="1"/>
              </p:cNvPicPr>
              <p:nvPr/>
            </p:nvPicPr>
            <p:blipFill>
              <a:blip r:embed="rId6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93500" y="2097438"/>
                <a:ext cx="851399" cy="76659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11" name="Group 10"/>
            <p:cNvGrpSpPr/>
            <p:nvPr/>
          </p:nvGrpSpPr>
          <p:grpSpPr>
            <a:xfrm>
              <a:off x="6296840" y="3381121"/>
              <a:ext cx="533401" cy="707018"/>
              <a:chOff x="2666999" y="4402359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2" name="Group 11"/>
              <p:cNvGrpSpPr/>
              <p:nvPr/>
            </p:nvGrpSpPr>
            <p:grpSpPr>
              <a:xfrm>
                <a:off x="2666999" y="4402359"/>
                <a:ext cx="1066800" cy="1316618"/>
                <a:chOff x="762000" y="2348628"/>
                <a:chExt cx="762000" cy="965944"/>
              </a:xfrm>
            </p:grpSpPr>
            <p:sp>
              <p:nvSpPr>
                <p:cNvPr id="14" name="Isosceles Triangle 1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5" name="Oval 1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3" name="Picture 15"/>
              <p:cNvPicPr>
                <a:picLocks noChangeAspect="1" noChangeArrowheads="1"/>
              </p:cNvPicPr>
              <p:nvPr/>
            </p:nvPicPr>
            <p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 bwMode="auto">
              <a:xfrm>
                <a:off x="2700309" y="4589085"/>
                <a:ext cx="1000181" cy="554619"/>
              </a:xfrm>
              <a:prstGeom prst="ellipse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21" name="Group 20"/>
            <p:cNvGrpSpPr/>
            <p:nvPr/>
          </p:nvGrpSpPr>
          <p:grpSpPr>
            <a:xfrm>
              <a:off x="6096001" y="3757246"/>
              <a:ext cx="541741" cy="707018"/>
              <a:chOff x="2209800" y="4506050"/>
              <a:chExt cx="1083479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22" name="Group 21"/>
              <p:cNvGrpSpPr/>
              <p:nvPr/>
            </p:nvGrpSpPr>
            <p:grpSpPr>
              <a:xfrm>
                <a:off x="2209800" y="4506050"/>
                <a:ext cx="1066800" cy="1316618"/>
                <a:chOff x="762000" y="2348628"/>
                <a:chExt cx="762000" cy="965944"/>
              </a:xfrm>
            </p:grpSpPr>
            <p:sp>
              <p:nvSpPr>
                <p:cNvPr id="24" name="Isosceles Triangle 2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25" name="Oval 2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23" name="Picture 19" descr="http://ok.water.usgs.gov/projects/webmap/miami/images/GRDA.png"/>
              <p:cNvPicPr>
                <a:picLocks noChangeAspect="1" noChangeArrowheads="1"/>
              </p:cNvPicPr>
              <p:nvPr/>
            </p:nvPicPr>
            <p:blipFill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209800" y="4686504"/>
                <a:ext cx="1083479" cy="433392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26" name="Group 25"/>
            <p:cNvGrpSpPr/>
            <p:nvPr/>
          </p:nvGrpSpPr>
          <p:grpSpPr>
            <a:xfrm>
              <a:off x="6897577" y="4703248"/>
              <a:ext cx="533401" cy="707018"/>
              <a:chOff x="260100" y="4504304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27" name="Group 26"/>
              <p:cNvGrpSpPr/>
              <p:nvPr/>
            </p:nvGrpSpPr>
            <p:grpSpPr>
              <a:xfrm>
                <a:off x="260100" y="4504304"/>
                <a:ext cx="1066800" cy="1316618"/>
                <a:chOff x="762000" y="2348628"/>
                <a:chExt cx="762000" cy="965944"/>
              </a:xfrm>
            </p:grpSpPr>
            <p:sp>
              <p:nvSpPr>
                <p:cNvPr id="29" name="Isosceles Triangle 2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30" name="Oval 2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28" name="Picture 23" descr="http://video-monitoring.com/construction/lepa/img/logo.png"/>
              <p:cNvPicPr>
                <a:picLocks noChangeAspect="1" noChangeArrowheads="1"/>
              </p:cNvPicPr>
              <p:nvPr/>
            </p:nvPicPr>
            <p:blipFill>
              <a:blip r:embed="rId9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67009" y="4582250"/>
                <a:ext cx="998777" cy="724181"/>
              </a:xfrm>
              <a:prstGeom prst="ellipse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31" name="Group 30"/>
            <p:cNvGrpSpPr/>
            <p:nvPr/>
          </p:nvGrpSpPr>
          <p:grpSpPr>
            <a:xfrm>
              <a:off x="6549867" y="2613348"/>
              <a:ext cx="604993" cy="707018"/>
              <a:chOff x="4525992" y="16002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32" name="Group 31"/>
              <p:cNvGrpSpPr/>
              <p:nvPr/>
            </p:nvGrpSpPr>
            <p:grpSpPr>
              <a:xfrm>
                <a:off x="4525992" y="16002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34" name="Isosceles Triangle 3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35" name="Oval 3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33" name="Picture 2"/>
              <p:cNvPicPr>
                <a:picLocks noChangeAspect="1" noChangeArrowheads="1"/>
              </p:cNvPicPr>
              <p:nvPr/>
            </p:nvPicPr>
            <p:blipFill>
              <a:blip r:embed="rId10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4602192" y="1676400"/>
                <a:ext cx="914400" cy="803874"/>
              </a:xfrm>
              <a:prstGeom prst="ellipse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36" name="Group 35"/>
            <p:cNvGrpSpPr/>
            <p:nvPr/>
          </p:nvGrpSpPr>
          <p:grpSpPr>
            <a:xfrm>
              <a:off x="7009153" y="2820435"/>
              <a:ext cx="533401" cy="707018"/>
              <a:chOff x="5187349" y="1964038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37" name="Group 36"/>
              <p:cNvGrpSpPr/>
              <p:nvPr/>
            </p:nvGrpSpPr>
            <p:grpSpPr>
              <a:xfrm>
                <a:off x="5187349" y="1964038"/>
                <a:ext cx="1066800" cy="1316618"/>
                <a:chOff x="762000" y="2348628"/>
                <a:chExt cx="762000" cy="965944"/>
              </a:xfrm>
            </p:grpSpPr>
            <p:sp>
              <p:nvSpPr>
                <p:cNvPr id="39" name="Isosceles Triangle 3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40" name="Oval 3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38" name="Picture 3"/>
              <p:cNvPicPr>
                <a:picLocks noChangeAspect="1" noChangeArrowheads="1"/>
              </p:cNvPicPr>
              <p:nvPr/>
            </p:nvPicPr>
            <p:blipFill>
              <a:blip r:embed="rId11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5249171" y="2002137"/>
                <a:ext cx="943155" cy="813579"/>
              </a:xfrm>
              <a:prstGeom prst="ellipse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41" name="Group 40"/>
            <p:cNvGrpSpPr/>
            <p:nvPr/>
          </p:nvGrpSpPr>
          <p:grpSpPr>
            <a:xfrm>
              <a:off x="6371197" y="2838949"/>
              <a:ext cx="533401" cy="707018"/>
              <a:chOff x="1524000" y="343925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42" name="Group 41"/>
              <p:cNvGrpSpPr/>
              <p:nvPr/>
            </p:nvGrpSpPr>
            <p:grpSpPr>
              <a:xfrm>
                <a:off x="1524000" y="3439250"/>
                <a:ext cx="1066800" cy="1316618"/>
                <a:chOff x="762000" y="2348628"/>
                <a:chExt cx="762000" cy="965944"/>
              </a:xfrm>
            </p:grpSpPr>
            <p:sp>
              <p:nvSpPr>
                <p:cNvPr id="44" name="Isosceles Triangle 4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45" name="Oval 4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43" name="Picture 6" descr="http://www.gofultonmissouri.com/wp-content/themes/fulton/images/FooterLampwtext.gif"/>
              <p:cNvPicPr>
                <a:picLocks noChangeAspect="1" noChangeArrowheads="1"/>
              </p:cNvPicPr>
              <p:nvPr/>
            </p:nvPicPr>
            <p:blipFill>
              <a:blip r:embed="rId1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524000" y="3484759"/>
                <a:ext cx="914400" cy="742427"/>
              </a:xfrm>
              <a:prstGeom prst="ellipse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46" name="Group 45"/>
            <p:cNvGrpSpPr/>
            <p:nvPr/>
          </p:nvGrpSpPr>
          <p:grpSpPr>
            <a:xfrm>
              <a:off x="6751080" y="4660250"/>
              <a:ext cx="533401" cy="707018"/>
              <a:chOff x="695864" y="4249959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47" name="Group 46"/>
              <p:cNvGrpSpPr/>
              <p:nvPr/>
            </p:nvGrpSpPr>
            <p:grpSpPr>
              <a:xfrm>
                <a:off x="695864" y="4249959"/>
                <a:ext cx="1066800" cy="1316618"/>
                <a:chOff x="762000" y="2348628"/>
                <a:chExt cx="762000" cy="965944"/>
              </a:xfrm>
            </p:grpSpPr>
            <p:sp>
              <p:nvSpPr>
                <p:cNvPr id="49" name="Isosceles Triangle 4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50" name="Oval 4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48" name="Picture 21" descr="http://www.lusnet.net/piclib/289.gif"/>
              <p:cNvPicPr>
                <a:picLocks noChangeAspect="1" noChangeArrowheads="1"/>
              </p:cNvPicPr>
              <p:nvPr/>
            </p:nvPicPr>
            <p:blipFill>
              <a:blip r:embed="rId1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62000" y="4456773"/>
                <a:ext cx="890588" cy="44767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51" name="Group 50"/>
            <p:cNvGrpSpPr/>
            <p:nvPr/>
          </p:nvGrpSpPr>
          <p:grpSpPr>
            <a:xfrm>
              <a:off x="6945730" y="3284908"/>
              <a:ext cx="533401" cy="707018"/>
              <a:chOff x="4678392" y="1545979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52" name="Group 51"/>
              <p:cNvGrpSpPr/>
              <p:nvPr/>
            </p:nvGrpSpPr>
            <p:grpSpPr>
              <a:xfrm>
                <a:off x="4678392" y="1545979"/>
                <a:ext cx="1066800" cy="1316618"/>
                <a:chOff x="762000" y="2348628"/>
                <a:chExt cx="762000" cy="965944"/>
              </a:xfrm>
            </p:grpSpPr>
            <p:sp>
              <p:nvSpPr>
                <p:cNvPr id="54" name="Isosceles Triangle 5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55" name="Oval 5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53" name="Picture 7"/>
              <p:cNvPicPr>
                <a:picLocks noChangeAspect="1" noChangeArrowheads="1"/>
              </p:cNvPicPr>
              <p:nvPr/>
            </p:nvPicPr>
            <p:blipFill>
              <a:blip r:embed="rId1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4777596" y="1614847"/>
                <a:ext cx="868392" cy="747843"/>
              </a:xfrm>
              <a:prstGeom prst="ellipse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56" name="Group 55"/>
            <p:cNvGrpSpPr/>
            <p:nvPr/>
          </p:nvGrpSpPr>
          <p:grpSpPr>
            <a:xfrm>
              <a:off x="7039768" y="1790164"/>
              <a:ext cx="533401" cy="707018"/>
              <a:chOff x="1219200" y="2053267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57" name="Group 56"/>
              <p:cNvGrpSpPr/>
              <p:nvPr/>
            </p:nvGrpSpPr>
            <p:grpSpPr>
              <a:xfrm>
                <a:off x="1219200" y="2053267"/>
                <a:ext cx="1066800" cy="1316618"/>
                <a:chOff x="762000" y="2348628"/>
                <a:chExt cx="762000" cy="965944"/>
              </a:xfrm>
            </p:grpSpPr>
            <p:sp>
              <p:nvSpPr>
                <p:cNvPr id="59" name="Isosceles Triangle 5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60" name="Oval 5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58" name="Picture 8"/>
              <p:cNvPicPr>
                <a:picLocks noChangeAspect="1" noChangeArrowheads="1"/>
              </p:cNvPicPr>
              <p:nvPr/>
            </p:nvPicPr>
            <p:blipFill>
              <a:blip r:embed="rId1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 bwMode="auto">
              <a:xfrm>
                <a:off x="1219200" y="2292658"/>
                <a:ext cx="990600" cy="372016"/>
              </a:xfrm>
              <a:prstGeom prst="ellipse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66" name="Group 65"/>
            <p:cNvGrpSpPr/>
            <p:nvPr/>
          </p:nvGrpSpPr>
          <p:grpSpPr>
            <a:xfrm>
              <a:off x="6703607" y="3079308"/>
              <a:ext cx="533402" cy="707018"/>
              <a:chOff x="3276599" y="3695173"/>
              <a:chExt cx="1066801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67" name="Group 66"/>
              <p:cNvGrpSpPr/>
              <p:nvPr/>
            </p:nvGrpSpPr>
            <p:grpSpPr>
              <a:xfrm>
                <a:off x="3276600" y="3695173"/>
                <a:ext cx="1066800" cy="1316618"/>
                <a:chOff x="762000" y="2348628"/>
                <a:chExt cx="762000" cy="965944"/>
              </a:xfrm>
            </p:grpSpPr>
            <p:sp>
              <p:nvSpPr>
                <p:cNvPr id="69" name="Isosceles Triangle 6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70" name="Oval 6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68" name="Picture 12" descr="http://www.mpua.org/_images/logo_new.png"/>
              <p:cNvPicPr>
                <a:picLocks noChangeAspect="1" noChangeArrowheads="1"/>
              </p:cNvPicPr>
              <p:nvPr/>
            </p:nvPicPr>
            <p:blipFill>
              <a:blip r:embed="rId16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3276599" y="3979484"/>
                <a:ext cx="1064109" cy="232655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71" name="Group 70"/>
            <p:cNvGrpSpPr/>
            <p:nvPr/>
          </p:nvGrpSpPr>
          <p:grpSpPr>
            <a:xfrm>
              <a:off x="6637739" y="3833446"/>
              <a:ext cx="537714" cy="707018"/>
              <a:chOff x="260100" y="4048850"/>
              <a:chExt cx="1075426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72" name="Group 71"/>
              <p:cNvGrpSpPr/>
              <p:nvPr/>
            </p:nvGrpSpPr>
            <p:grpSpPr>
              <a:xfrm>
                <a:off x="260100" y="4048850"/>
                <a:ext cx="1066800" cy="1316618"/>
                <a:chOff x="762000" y="2348628"/>
                <a:chExt cx="762000" cy="965944"/>
              </a:xfrm>
            </p:grpSpPr>
            <p:sp>
              <p:nvSpPr>
                <p:cNvPr id="74" name="Isosceles Triangle 7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75" name="Oval 7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73" name="Picture 24"/>
              <p:cNvPicPr>
                <a:picLocks noChangeAspect="1" noChangeArrowheads="1"/>
              </p:cNvPicPr>
              <p:nvPr/>
            </p:nvPicPr>
            <p:blipFill>
              <a:blip r:embed="rId1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72386" y="4171386"/>
                <a:ext cx="1063140" cy="635001"/>
              </a:xfrm>
              <a:prstGeom prst="ellipse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76" name="Group 75"/>
            <p:cNvGrpSpPr/>
            <p:nvPr/>
          </p:nvGrpSpPr>
          <p:grpSpPr>
            <a:xfrm>
              <a:off x="8604223" y="3764499"/>
              <a:ext cx="533401" cy="707018"/>
              <a:chOff x="2209800" y="50292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77" name="Group 76"/>
              <p:cNvGrpSpPr/>
              <p:nvPr/>
            </p:nvGrpSpPr>
            <p:grpSpPr>
              <a:xfrm>
                <a:off x="2209800" y="50292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79" name="Isosceles Triangle 7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0" name="Oval 7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78" name="Picture 3"/>
              <p:cNvPicPr>
                <a:picLocks noChangeAspect="1" noChangeArrowheads="1"/>
              </p:cNvPicPr>
              <p:nvPr/>
            </p:nvPicPr>
            <p:blipFill>
              <a:blip r:embed="rId1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209800" y="5181600"/>
                <a:ext cx="975013" cy="533400"/>
              </a:xfrm>
              <a:prstGeom prst="ellipse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  <p:grpSp>
          <p:nvGrpSpPr>
            <p:cNvPr id="86" name="Group 85"/>
            <p:cNvGrpSpPr/>
            <p:nvPr/>
          </p:nvGrpSpPr>
          <p:grpSpPr>
            <a:xfrm>
              <a:off x="7894539" y="3850327"/>
              <a:ext cx="533401" cy="707018"/>
              <a:chOff x="2438400" y="5551275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87" name="Group 86"/>
              <p:cNvGrpSpPr/>
              <p:nvPr/>
            </p:nvGrpSpPr>
            <p:grpSpPr>
              <a:xfrm>
                <a:off x="2438400" y="5551275"/>
                <a:ext cx="1066800" cy="1316618"/>
                <a:chOff x="762000" y="2348628"/>
                <a:chExt cx="762000" cy="965944"/>
              </a:xfrm>
            </p:grpSpPr>
            <p:sp>
              <p:nvSpPr>
                <p:cNvPr id="89" name="Isosceles Triangle 8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90" name="Oval 8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88" name="Picture 4"/>
              <p:cNvPicPr>
                <a:picLocks noChangeAspect="1" noChangeArrowheads="1"/>
              </p:cNvPicPr>
              <p:nvPr/>
            </p:nvPicPr>
            <p:blipFill>
              <a:blip r:embed="rId19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 bwMode="auto">
              <a:xfrm>
                <a:off x="2438400" y="5791200"/>
                <a:ext cx="1066800" cy="457200"/>
              </a:xfrm>
              <a:prstGeom prst="ellipse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  <p:grpSp>
          <p:nvGrpSpPr>
            <p:cNvPr id="91" name="Group 90"/>
            <p:cNvGrpSpPr/>
            <p:nvPr/>
          </p:nvGrpSpPr>
          <p:grpSpPr>
            <a:xfrm>
              <a:off x="8315905" y="4491600"/>
              <a:ext cx="533401" cy="707018"/>
              <a:chOff x="3733800" y="52578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92" name="Group 91"/>
              <p:cNvGrpSpPr/>
              <p:nvPr/>
            </p:nvGrpSpPr>
            <p:grpSpPr>
              <a:xfrm>
                <a:off x="3733800" y="52578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94" name="Isosceles Triangle 9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95" name="Oval 9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93" name="Picture 92"/>
              <p:cNvPicPr>
                <a:picLocks noChangeAspect="1"/>
              </p:cNvPicPr>
              <p:nvPr/>
            </p:nvPicPr>
            <p:blipFill>
              <a:blip r:embed="rId20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810000" y="5570004"/>
                <a:ext cx="990600" cy="289991"/>
              </a:xfrm>
              <a:prstGeom prst="ellipse">
                <a:avLst/>
              </a:prstGeom>
            </p:spPr>
          </p:pic>
        </p:grpSp>
        <p:grpSp>
          <p:nvGrpSpPr>
            <p:cNvPr id="96" name="Group 95"/>
            <p:cNvGrpSpPr/>
            <p:nvPr/>
          </p:nvGrpSpPr>
          <p:grpSpPr>
            <a:xfrm>
              <a:off x="2826508" y="1183475"/>
              <a:ext cx="533401" cy="707018"/>
              <a:chOff x="3200400" y="51816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97" name="Group 96"/>
              <p:cNvGrpSpPr/>
              <p:nvPr/>
            </p:nvGrpSpPr>
            <p:grpSpPr>
              <a:xfrm>
                <a:off x="3200400" y="51816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99" name="Isosceles Triangle 9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00" name="Oval 9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98" name="Picture 97"/>
              <p:cNvPicPr>
                <a:picLocks noChangeAspect="1"/>
              </p:cNvPicPr>
              <p:nvPr/>
            </p:nvPicPr>
            <p:blipFill>
              <a:blip r:embed="rId21"/>
              <a:stretch>
                <a:fillRect/>
              </a:stretch>
            </p:blipFill>
            <p:spPr>
              <a:xfrm>
                <a:off x="3276600" y="5181600"/>
                <a:ext cx="914400" cy="838200"/>
              </a:xfrm>
              <a:prstGeom prst="ellipse">
                <a:avLst/>
              </a:prstGeom>
            </p:spPr>
          </p:pic>
        </p:grpSp>
        <p:grpSp>
          <p:nvGrpSpPr>
            <p:cNvPr id="101" name="Group 100"/>
            <p:cNvGrpSpPr/>
            <p:nvPr/>
          </p:nvGrpSpPr>
          <p:grpSpPr>
            <a:xfrm>
              <a:off x="2618671" y="1352917"/>
              <a:ext cx="533401" cy="707018"/>
              <a:chOff x="2590800" y="5529345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02" name="Group 101"/>
              <p:cNvGrpSpPr/>
              <p:nvPr/>
            </p:nvGrpSpPr>
            <p:grpSpPr>
              <a:xfrm>
                <a:off x="2590800" y="5529345"/>
                <a:ext cx="1066800" cy="1316618"/>
                <a:chOff x="762000" y="2348628"/>
                <a:chExt cx="762000" cy="965944"/>
              </a:xfrm>
            </p:grpSpPr>
            <p:sp>
              <p:nvSpPr>
                <p:cNvPr id="104" name="Isosceles Triangle 10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05" name="Oval 10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03" name="Picture 102"/>
              <p:cNvPicPr>
                <a:picLocks noChangeAspect="1"/>
              </p:cNvPicPr>
              <p:nvPr/>
            </p:nvPicPr>
            <p:blipFill>
              <a:blip r:embed="rId22"/>
              <a:stretch>
                <a:fillRect/>
              </a:stretch>
            </p:blipFill>
            <p:spPr>
              <a:xfrm>
                <a:off x="2590800" y="5664200"/>
                <a:ext cx="1066800" cy="533400"/>
              </a:xfrm>
              <a:prstGeom prst="rect">
                <a:avLst/>
              </a:prstGeom>
            </p:spPr>
          </p:pic>
        </p:grpSp>
        <p:grpSp>
          <p:nvGrpSpPr>
            <p:cNvPr id="106" name="Group 105"/>
            <p:cNvGrpSpPr/>
            <p:nvPr/>
          </p:nvGrpSpPr>
          <p:grpSpPr>
            <a:xfrm>
              <a:off x="3174666" y="1183475"/>
              <a:ext cx="533401" cy="707018"/>
              <a:chOff x="2743200" y="50292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07" name="Group 106"/>
              <p:cNvGrpSpPr/>
              <p:nvPr/>
            </p:nvGrpSpPr>
            <p:grpSpPr>
              <a:xfrm>
                <a:off x="2743200" y="50292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109" name="Isosceles Triangle 10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10" name="Oval 10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08" name="Picture 107"/>
              <p:cNvPicPr>
                <a:picLocks noChangeAspect="1"/>
              </p:cNvPicPr>
              <p:nvPr/>
            </p:nvPicPr>
            <p:blipFill>
              <a:blip r:embed="rId23"/>
              <a:stretch>
                <a:fillRect/>
              </a:stretch>
            </p:blipFill>
            <p:spPr>
              <a:xfrm>
                <a:off x="2743200" y="5181600"/>
                <a:ext cx="1066800" cy="600846"/>
              </a:xfrm>
              <a:prstGeom prst="ellipse">
                <a:avLst/>
              </a:prstGeom>
            </p:spPr>
          </p:pic>
        </p:grpSp>
        <p:grpSp>
          <p:nvGrpSpPr>
            <p:cNvPr id="111" name="Group 110"/>
            <p:cNvGrpSpPr/>
            <p:nvPr/>
          </p:nvGrpSpPr>
          <p:grpSpPr>
            <a:xfrm>
              <a:off x="2531611" y="1334872"/>
              <a:ext cx="533401" cy="707018"/>
              <a:chOff x="2590800" y="5538822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12" name="Group 111"/>
              <p:cNvGrpSpPr/>
              <p:nvPr/>
            </p:nvGrpSpPr>
            <p:grpSpPr>
              <a:xfrm>
                <a:off x="2590800" y="5538822"/>
                <a:ext cx="1066800" cy="1316618"/>
                <a:chOff x="762000" y="2348628"/>
                <a:chExt cx="762000" cy="965944"/>
              </a:xfrm>
            </p:grpSpPr>
            <p:sp>
              <p:nvSpPr>
                <p:cNvPr id="114" name="Isosceles Triangle 11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15" name="Oval 11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13" name="Picture 112"/>
              <p:cNvPicPr>
                <a:picLocks noChangeAspect="1"/>
              </p:cNvPicPr>
              <p:nvPr/>
            </p:nvPicPr>
            <p:blipFill>
              <a:blip r:embed="rId24"/>
              <a:stretch>
                <a:fillRect/>
              </a:stretch>
            </p:blipFill>
            <p:spPr>
              <a:xfrm>
                <a:off x="2667000" y="5791200"/>
                <a:ext cx="927510" cy="422490"/>
              </a:xfrm>
              <a:prstGeom prst="rect">
                <a:avLst/>
              </a:prstGeom>
            </p:spPr>
          </p:pic>
        </p:grpSp>
        <p:grpSp>
          <p:nvGrpSpPr>
            <p:cNvPr id="116" name="Group 115"/>
            <p:cNvGrpSpPr/>
            <p:nvPr/>
          </p:nvGrpSpPr>
          <p:grpSpPr>
            <a:xfrm>
              <a:off x="3050619" y="1171049"/>
              <a:ext cx="533401" cy="707018"/>
              <a:chOff x="2514600" y="51054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17" name="Group 116"/>
              <p:cNvGrpSpPr/>
              <p:nvPr/>
            </p:nvGrpSpPr>
            <p:grpSpPr>
              <a:xfrm>
                <a:off x="2514600" y="51054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119" name="Isosceles Triangle 11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20" name="Oval 11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18" name="Picture 117"/>
              <p:cNvPicPr>
                <a:picLocks noChangeAspect="1"/>
              </p:cNvPicPr>
              <p:nvPr/>
            </p:nvPicPr>
            <p:blipFill>
              <a:blip r:embed="rId25"/>
              <a:stretch>
                <a:fillRect/>
              </a:stretch>
            </p:blipFill>
            <p:spPr>
              <a:xfrm>
                <a:off x="2514600" y="5181600"/>
                <a:ext cx="1003300" cy="596900"/>
              </a:xfrm>
              <a:prstGeom prst="ellipse">
                <a:avLst/>
              </a:prstGeom>
            </p:spPr>
          </p:pic>
        </p:grpSp>
        <p:grpSp>
          <p:nvGrpSpPr>
            <p:cNvPr id="121" name="Group 120"/>
            <p:cNvGrpSpPr/>
            <p:nvPr/>
          </p:nvGrpSpPr>
          <p:grpSpPr>
            <a:xfrm>
              <a:off x="2976230" y="1307320"/>
              <a:ext cx="533401" cy="707018"/>
              <a:chOff x="2133600" y="52578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22" name="Group 121"/>
              <p:cNvGrpSpPr/>
              <p:nvPr/>
            </p:nvGrpSpPr>
            <p:grpSpPr>
              <a:xfrm>
                <a:off x="2133600" y="52578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124" name="Isosceles Triangle 12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25" name="Oval 12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23" name="Picture 122"/>
              <p:cNvPicPr>
                <a:picLocks noChangeAspect="1"/>
              </p:cNvPicPr>
              <p:nvPr/>
            </p:nvPicPr>
            <p:blipFill>
              <a:blip r:embed="rId26"/>
              <a:stretch>
                <a:fillRect/>
              </a:stretch>
            </p:blipFill>
            <p:spPr>
              <a:xfrm>
                <a:off x="2286000" y="5334000"/>
                <a:ext cx="762000" cy="762000"/>
              </a:xfrm>
              <a:prstGeom prst="ellipse">
                <a:avLst/>
              </a:prstGeom>
            </p:spPr>
          </p:pic>
        </p:grpSp>
        <p:grpSp>
          <p:nvGrpSpPr>
            <p:cNvPr id="126" name="Group 125"/>
            <p:cNvGrpSpPr/>
            <p:nvPr/>
          </p:nvGrpSpPr>
          <p:grpSpPr>
            <a:xfrm>
              <a:off x="2995013" y="1312099"/>
              <a:ext cx="533401" cy="707018"/>
              <a:chOff x="2057400" y="50292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27" name="Group 126"/>
              <p:cNvGrpSpPr/>
              <p:nvPr/>
            </p:nvGrpSpPr>
            <p:grpSpPr>
              <a:xfrm>
                <a:off x="2057400" y="50292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129" name="Isosceles Triangle 12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30" name="Oval 12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28" name="Picture 127"/>
              <p:cNvPicPr>
                <a:picLocks noChangeAspect="1"/>
              </p:cNvPicPr>
              <p:nvPr/>
            </p:nvPicPr>
            <p:blipFill>
              <a:blip r:embed="rId27"/>
              <a:stretch>
                <a:fillRect/>
              </a:stretch>
            </p:blipFill>
            <p:spPr>
              <a:xfrm>
                <a:off x="2057400" y="5105400"/>
                <a:ext cx="1018283" cy="768027"/>
              </a:xfrm>
              <a:prstGeom prst="ellipse">
                <a:avLst/>
              </a:prstGeom>
            </p:spPr>
          </p:pic>
        </p:grpSp>
        <p:grpSp>
          <p:nvGrpSpPr>
            <p:cNvPr id="136" name="Group 135"/>
            <p:cNvGrpSpPr/>
            <p:nvPr/>
          </p:nvGrpSpPr>
          <p:grpSpPr>
            <a:xfrm>
              <a:off x="2480318" y="1128046"/>
              <a:ext cx="533401" cy="707018"/>
              <a:chOff x="2286000" y="5541382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37" name="Group 136"/>
              <p:cNvGrpSpPr/>
              <p:nvPr/>
            </p:nvGrpSpPr>
            <p:grpSpPr>
              <a:xfrm>
                <a:off x="2286000" y="5541382"/>
                <a:ext cx="1066800" cy="1316618"/>
                <a:chOff x="762000" y="2348628"/>
                <a:chExt cx="762000" cy="965944"/>
              </a:xfrm>
            </p:grpSpPr>
            <p:sp>
              <p:nvSpPr>
                <p:cNvPr id="139" name="Isosceles Triangle 13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40" name="Oval 13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38" name="Picture 137"/>
              <p:cNvPicPr>
                <a:picLocks noChangeAspect="1"/>
              </p:cNvPicPr>
              <p:nvPr/>
            </p:nvPicPr>
            <p:blipFill>
              <a:blip r:embed="rId28"/>
              <a:stretch>
                <a:fillRect/>
              </a:stretch>
            </p:blipFill>
            <p:spPr>
              <a:xfrm>
                <a:off x="2362200" y="5562600"/>
                <a:ext cx="914400" cy="838200"/>
              </a:xfrm>
              <a:prstGeom prst="ellipse">
                <a:avLst/>
              </a:prstGeom>
            </p:spPr>
          </p:pic>
        </p:grpSp>
        <p:grpSp>
          <p:nvGrpSpPr>
            <p:cNvPr id="141" name="Group 140"/>
            <p:cNvGrpSpPr/>
            <p:nvPr/>
          </p:nvGrpSpPr>
          <p:grpSpPr>
            <a:xfrm>
              <a:off x="8599334" y="3396417"/>
              <a:ext cx="533401" cy="707018"/>
              <a:chOff x="1447800" y="51054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42" name="Group 141"/>
              <p:cNvGrpSpPr/>
              <p:nvPr/>
            </p:nvGrpSpPr>
            <p:grpSpPr>
              <a:xfrm>
                <a:off x="1447800" y="51054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144" name="Isosceles Triangle 14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45" name="Oval 14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43" name="Picture 142"/>
              <p:cNvPicPr>
                <a:picLocks noChangeAspect="1"/>
              </p:cNvPicPr>
              <p:nvPr/>
            </p:nvPicPr>
            <p:blipFill>
              <a:blip r:embed="rId29"/>
              <a:stretch>
                <a:fillRect/>
              </a:stretch>
            </p:blipFill>
            <p:spPr>
              <a:xfrm>
                <a:off x="1600199" y="5181600"/>
                <a:ext cx="783771" cy="685800"/>
              </a:xfrm>
              <a:prstGeom prst="ellipse">
                <a:avLst/>
              </a:prstGeom>
            </p:spPr>
          </p:pic>
        </p:grpSp>
        <p:grpSp>
          <p:nvGrpSpPr>
            <p:cNvPr id="146" name="Group 145"/>
            <p:cNvGrpSpPr/>
            <p:nvPr/>
          </p:nvGrpSpPr>
          <p:grpSpPr>
            <a:xfrm>
              <a:off x="3648185" y="1854611"/>
              <a:ext cx="533401" cy="707018"/>
              <a:chOff x="914400" y="52578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47" name="Group 146"/>
              <p:cNvGrpSpPr/>
              <p:nvPr/>
            </p:nvGrpSpPr>
            <p:grpSpPr>
              <a:xfrm>
                <a:off x="914400" y="52578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149" name="Isosceles Triangle 148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50" name="Oval 149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48" name="Picture 147"/>
              <p:cNvPicPr>
                <a:picLocks noChangeAspect="1"/>
              </p:cNvPicPr>
              <p:nvPr/>
            </p:nvPicPr>
            <p:blipFill>
              <a:blip r:embed="rId30"/>
              <a:stretch>
                <a:fillRect/>
              </a:stretch>
            </p:blipFill>
            <p:spPr>
              <a:xfrm>
                <a:off x="914400" y="5486400"/>
                <a:ext cx="1066800" cy="444500"/>
              </a:xfrm>
              <a:prstGeom prst="ellipse">
                <a:avLst/>
              </a:prstGeom>
            </p:spPr>
          </p:pic>
        </p:grpSp>
        <p:grpSp>
          <p:nvGrpSpPr>
            <p:cNvPr id="151" name="Group 150"/>
            <p:cNvGrpSpPr/>
            <p:nvPr/>
          </p:nvGrpSpPr>
          <p:grpSpPr>
            <a:xfrm>
              <a:off x="6644498" y="4067025"/>
              <a:ext cx="533403" cy="707018"/>
              <a:chOff x="2347006" y="5324763"/>
              <a:chExt cx="533403" cy="707018"/>
            </a:xfrm>
          </p:grpSpPr>
          <p:grpSp>
            <p:nvGrpSpPr>
              <p:cNvPr id="152" name="Group 151"/>
              <p:cNvGrpSpPr/>
              <p:nvPr/>
            </p:nvGrpSpPr>
            <p:grpSpPr>
              <a:xfrm>
                <a:off x="2347006" y="5324763"/>
                <a:ext cx="533401" cy="707018"/>
                <a:chOff x="762000" y="2348628"/>
                <a:chExt cx="762000" cy="965944"/>
              </a:xfrm>
            </p:grpSpPr>
            <p:sp>
              <p:nvSpPr>
                <p:cNvPr id="154" name="Isosceles Triangle 15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55" name="Oval 15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53" name="Picture 2"/>
              <p:cNvPicPr>
                <a:picLocks noChangeAspect="1" noChangeArrowheads="1"/>
              </p:cNvPicPr>
              <p:nvPr/>
            </p:nvPicPr>
            <p:blipFill>
              <a:blip r:embed="rId31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347007" y="5410200"/>
                <a:ext cx="533402" cy="330650"/>
              </a:xfrm>
              <a:prstGeom prst="ellipse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157" name="Group 156"/>
            <p:cNvGrpSpPr/>
            <p:nvPr/>
          </p:nvGrpSpPr>
          <p:grpSpPr>
            <a:xfrm>
              <a:off x="2080193" y="2454934"/>
              <a:ext cx="533401" cy="707018"/>
              <a:chOff x="556190" y="2454934"/>
              <a:chExt cx="533401" cy="707018"/>
            </a:xfrm>
          </p:grpSpPr>
          <p:grpSp>
            <p:nvGrpSpPr>
              <p:cNvPr id="158" name="Group 157"/>
              <p:cNvGrpSpPr/>
              <p:nvPr/>
            </p:nvGrpSpPr>
            <p:grpSpPr>
              <a:xfrm>
                <a:off x="556190" y="2454934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160" name="Isosceles Triangle 159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161" name="Oval 160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159" name="Picture 2"/>
              <p:cNvPicPr>
                <a:picLocks noChangeAspect="1" noChangeArrowheads="1"/>
              </p:cNvPicPr>
              <p:nvPr/>
            </p:nvPicPr>
            <p:blipFill rotWithShape="1">
              <a:blip r:embed="rId3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1655" t="2774" r="77157" b="3824"/>
              <a:stretch/>
            </p:blipFill>
            <p:spPr bwMode="auto">
              <a:xfrm>
                <a:off x="612583" y="2484738"/>
                <a:ext cx="430689" cy="444655"/>
              </a:xfrm>
              <a:prstGeom prst="ellipse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170" name="Group 169"/>
            <p:cNvGrpSpPr/>
            <p:nvPr/>
          </p:nvGrpSpPr>
          <p:grpSpPr>
            <a:xfrm>
              <a:off x="5901061" y="2177980"/>
              <a:ext cx="533401" cy="707018"/>
              <a:chOff x="-1480045" y="5133987"/>
              <a:chExt cx="533401" cy="707018"/>
            </a:xfrm>
          </p:grpSpPr>
          <p:grpSp>
            <p:nvGrpSpPr>
              <p:cNvPr id="171" name="Group 170"/>
              <p:cNvGrpSpPr/>
              <p:nvPr/>
            </p:nvGrpSpPr>
            <p:grpSpPr>
              <a:xfrm>
                <a:off x="-1480045" y="5133987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173" name="Isosceles Triangle 172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174" name="Oval 173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172" name="Picture 4"/>
              <p:cNvPicPr>
                <a:picLocks noChangeAspect="1" noChangeArrowheads="1"/>
              </p:cNvPicPr>
              <p:nvPr/>
            </p:nvPicPr>
            <p:blipFill>
              <a:blip r:embed="rId3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1346628" y="5193202"/>
                <a:ext cx="266567" cy="37786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175" name="Group 174"/>
            <p:cNvGrpSpPr/>
            <p:nvPr/>
          </p:nvGrpSpPr>
          <p:grpSpPr>
            <a:xfrm>
              <a:off x="5638802" y="2580174"/>
              <a:ext cx="533401" cy="707018"/>
              <a:chOff x="3032911" y="2340971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76" name="Group 175"/>
              <p:cNvGrpSpPr/>
              <p:nvPr/>
            </p:nvGrpSpPr>
            <p:grpSpPr>
              <a:xfrm>
                <a:off x="3032911" y="2340971"/>
                <a:ext cx="1066800" cy="1316618"/>
                <a:chOff x="762000" y="2348628"/>
                <a:chExt cx="762000" cy="965944"/>
              </a:xfrm>
            </p:grpSpPr>
            <p:sp>
              <p:nvSpPr>
                <p:cNvPr id="178" name="Isosceles Triangle 177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79" name="Oval 178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77" name="Picture 13"/>
              <p:cNvPicPr>
                <a:picLocks noChangeAspect="1" noChangeArrowheads="1"/>
              </p:cNvPicPr>
              <p:nvPr/>
            </p:nvPicPr>
            <p:blipFill>
              <a:blip r:embed="rId3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3140030" y="2368484"/>
                <a:ext cx="852561" cy="852561"/>
              </a:xfrm>
              <a:prstGeom prst="ellipse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180" name="Group 179"/>
            <p:cNvGrpSpPr/>
            <p:nvPr/>
          </p:nvGrpSpPr>
          <p:grpSpPr>
            <a:xfrm>
              <a:off x="6963088" y="2237195"/>
              <a:ext cx="533401" cy="707018"/>
              <a:chOff x="-1814478" y="5851615"/>
              <a:chExt cx="533401" cy="707018"/>
            </a:xfrm>
          </p:grpSpPr>
          <p:grpSp>
            <p:nvGrpSpPr>
              <p:cNvPr id="181" name="Group 180"/>
              <p:cNvGrpSpPr/>
              <p:nvPr/>
            </p:nvGrpSpPr>
            <p:grpSpPr>
              <a:xfrm>
                <a:off x="-1814478" y="5851615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183" name="Isosceles Triangle 182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184" name="Oval 183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182" name="Picture 5"/>
              <p:cNvPicPr>
                <a:picLocks noChangeAspect="1" noChangeArrowheads="1"/>
              </p:cNvPicPr>
              <p:nvPr/>
            </p:nvPicPr>
            <p:blipFill rotWithShape="1">
              <a:blip r:embed="rId3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2188"/>
              <a:stretch/>
            </p:blipFill>
            <p:spPr bwMode="auto">
              <a:xfrm>
                <a:off x="-1781140" y="5862081"/>
                <a:ext cx="466725" cy="451663"/>
              </a:xfrm>
              <a:prstGeom prst="ellipse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185" name="Group 184"/>
            <p:cNvGrpSpPr/>
            <p:nvPr/>
          </p:nvGrpSpPr>
          <p:grpSpPr>
            <a:xfrm>
              <a:off x="6838670" y="2152121"/>
              <a:ext cx="533401" cy="707018"/>
              <a:chOff x="1785668" y="3990067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86" name="Group 185"/>
              <p:cNvGrpSpPr/>
              <p:nvPr/>
            </p:nvGrpSpPr>
            <p:grpSpPr>
              <a:xfrm>
                <a:off x="1785668" y="3990067"/>
                <a:ext cx="1066800" cy="1316618"/>
                <a:chOff x="762000" y="2348628"/>
                <a:chExt cx="762000" cy="965944"/>
              </a:xfrm>
            </p:grpSpPr>
            <p:sp>
              <p:nvSpPr>
                <p:cNvPr id="188" name="Isosceles Triangle 187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89" name="Oval 188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87" name="Picture 28"/>
              <p:cNvPicPr>
                <a:picLocks noChangeAspect="1" noChangeArrowheads="1"/>
              </p:cNvPicPr>
              <p:nvPr/>
            </p:nvPicPr>
            <p:blipFill>
              <a:blip r:embed="rId36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845334" y="4038222"/>
                <a:ext cx="947468" cy="818155"/>
              </a:xfrm>
              <a:prstGeom prst="ellipse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3" name="Group 2"/>
            <p:cNvGrpSpPr/>
            <p:nvPr/>
          </p:nvGrpSpPr>
          <p:grpSpPr>
            <a:xfrm>
              <a:off x="5899772" y="3771346"/>
              <a:ext cx="533401" cy="708420"/>
              <a:chOff x="-1060944" y="3869013"/>
              <a:chExt cx="533401" cy="708420"/>
            </a:xfrm>
          </p:grpSpPr>
          <p:grpSp>
            <p:nvGrpSpPr>
              <p:cNvPr id="193" name="Group 192"/>
              <p:cNvGrpSpPr/>
              <p:nvPr/>
            </p:nvGrpSpPr>
            <p:grpSpPr>
              <a:xfrm>
                <a:off x="-1060944" y="3870415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194" name="Isosceles Triangle 19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195" name="Oval 19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" name="Picture 1"/>
              <p:cNvPicPr>
                <a:picLocks noChangeAspect="1"/>
              </p:cNvPicPr>
              <p:nvPr/>
            </p:nvPicPr>
            <p:blipFill>
              <a:blip r:embed="rId37"/>
              <a:stretch>
                <a:fillRect/>
              </a:stretch>
            </p:blipFill>
            <p:spPr>
              <a:xfrm>
                <a:off x="-1026336" y="3869013"/>
                <a:ext cx="477247" cy="453815"/>
              </a:xfrm>
              <a:prstGeom prst="ellipse">
                <a:avLst/>
              </a:prstGeom>
            </p:spPr>
          </p:pic>
        </p:grpSp>
        <p:grpSp>
          <p:nvGrpSpPr>
            <p:cNvPr id="202" name="Group 201"/>
            <p:cNvGrpSpPr/>
            <p:nvPr/>
          </p:nvGrpSpPr>
          <p:grpSpPr>
            <a:xfrm>
              <a:off x="8715395" y="2561182"/>
              <a:ext cx="533401" cy="707018"/>
              <a:chOff x="-965152" y="4612332"/>
              <a:chExt cx="533401" cy="707018"/>
            </a:xfrm>
          </p:grpSpPr>
          <p:grpSp>
            <p:nvGrpSpPr>
              <p:cNvPr id="199" name="Group 198"/>
              <p:cNvGrpSpPr/>
              <p:nvPr/>
            </p:nvGrpSpPr>
            <p:grpSpPr>
              <a:xfrm>
                <a:off x="-965152" y="4612332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00" name="Isosceles Triangle 199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01" name="Oval 200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198" name="Picture 197"/>
              <p:cNvPicPr>
                <a:picLocks noChangeAspect="1"/>
              </p:cNvPicPr>
              <p:nvPr/>
            </p:nvPicPr>
            <p:blipFill rotWithShape="1">
              <a:blip r:embed="rId38"/>
              <a:srcRect l="9079" t="9630" r="8353" b="9382"/>
              <a:stretch/>
            </p:blipFill>
            <p:spPr>
              <a:xfrm>
                <a:off x="-916242" y="4633186"/>
                <a:ext cx="435580" cy="427244"/>
              </a:xfrm>
              <a:prstGeom prst="ellipse">
                <a:avLst/>
              </a:prstGeom>
            </p:spPr>
          </p:pic>
        </p:grpSp>
        <p:grpSp>
          <p:nvGrpSpPr>
            <p:cNvPr id="212" name="Group 211"/>
            <p:cNvGrpSpPr/>
            <p:nvPr/>
          </p:nvGrpSpPr>
          <p:grpSpPr>
            <a:xfrm>
              <a:off x="7054441" y="3196380"/>
              <a:ext cx="533401" cy="707018"/>
              <a:chOff x="-658053" y="4720327"/>
              <a:chExt cx="533401" cy="707018"/>
            </a:xfrm>
          </p:grpSpPr>
          <p:grpSp>
            <p:nvGrpSpPr>
              <p:cNvPr id="209" name="Group 208"/>
              <p:cNvGrpSpPr/>
              <p:nvPr/>
            </p:nvGrpSpPr>
            <p:grpSpPr>
              <a:xfrm>
                <a:off x="-658053" y="4720327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10" name="Isosceles Triangle 209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11" name="Oval 210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08" name="Picture 207"/>
              <p:cNvPicPr>
                <a:picLocks noChangeAspect="1"/>
              </p:cNvPicPr>
              <p:nvPr/>
            </p:nvPicPr>
            <p:blipFill>
              <a:blip r:embed="rId39"/>
              <a:stretch>
                <a:fillRect/>
              </a:stretch>
            </p:blipFill>
            <p:spPr>
              <a:xfrm>
                <a:off x="-585264" y="4907446"/>
                <a:ext cx="406592" cy="114115"/>
              </a:xfrm>
              <a:prstGeom prst="rect">
                <a:avLst/>
              </a:prstGeom>
            </p:spPr>
          </p:pic>
        </p:grpSp>
        <p:grpSp>
          <p:nvGrpSpPr>
            <p:cNvPr id="217" name="Group 216"/>
            <p:cNvGrpSpPr/>
            <p:nvPr/>
          </p:nvGrpSpPr>
          <p:grpSpPr>
            <a:xfrm>
              <a:off x="2623146" y="1348041"/>
              <a:ext cx="536779" cy="707018"/>
              <a:chOff x="-825587" y="4091473"/>
              <a:chExt cx="536779" cy="707018"/>
            </a:xfrm>
          </p:grpSpPr>
          <p:grpSp>
            <p:nvGrpSpPr>
              <p:cNvPr id="213" name="Group 212"/>
              <p:cNvGrpSpPr/>
              <p:nvPr/>
            </p:nvGrpSpPr>
            <p:grpSpPr>
              <a:xfrm>
                <a:off x="-825587" y="4091473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14" name="Isosceles Triangle 21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15" name="Oval 21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16" name="Picture 215"/>
              <p:cNvPicPr>
                <a:picLocks noChangeAspect="1"/>
              </p:cNvPicPr>
              <p:nvPr/>
            </p:nvPicPr>
            <p:blipFill rotWithShape="1">
              <a:blip r:embed="rId40"/>
              <a:srcRect r="-545" b="-466"/>
              <a:stretch/>
            </p:blipFill>
            <p:spPr>
              <a:xfrm>
                <a:off x="-815598" y="4131348"/>
                <a:ext cx="526790" cy="372878"/>
              </a:xfrm>
              <a:prstGeom prst="ellipse">
                <a:avLst/>
              </a:prstGeom>
            </p:spPr>
          </p:pic>
        </p:grpSp>
        <p:grpSp>
          <p:nvGrpSpPr>
            <p:cNvPr id="131" name="Group 130"/>
            <p:cNvGrpSpPr/>
            <p:nvPr/>
          </p:nvGrpSpPr>
          <p:grpSpPr>
            <a:xfrm>
              <a:off x="2442686" y="1180641"/>
              <a:ext cx="533401" cy="707018"/>
              <a:chOff x="1600200" y="51816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132" name="Group 131"/>
              <p:cNvGrpSpPr/>
              <p:nvPr/>
            </p:nvGrpSpPr>
            <p:grpSpPr>
              <a:xfrm>
                <a:off x="1600200" y="51816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134" name="Isosceles Triangle 13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35" name="Oval 13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133" name="Picture 132"/>
              <p:cNvPicPr>
                <a:picLocks noChangeAspect="1"/>
              </p:cNvPicPr>
              <p:nvPr/>
            </p:nvPicPr>
            <p:blipFill>
              <a:blip r:embed="rId41"/>
              <a:stretch>
                <a:fillRect/>
              </a:stretch>
            </p:blipFill>
            <p:spPr>
              <a:xfrm>
                <a:off x="1600200" y="5334000"/>
                <a:ext cx="1041400" cy="569351"/>
              </a:xfrm>
              <a:prstGeom prst="ellipse">
                <a:avLst/>
              </a:prstGeom>
            </p:spPr>
          </p:pic>
        </p:grpSp>
        <p:grpSp>
          <p:nvGrpSpPr>
            <p:cNvPr id="218" name="Group 217"/>
            <p:cNvGrpSpPr/>
            <p:nvPr/>
          </p:nvGrpSpPr>
          <p:grpSpPr>
            <a:xfrm>
              <a:off x="3924937" y="1285922"/>
              <a:ext cx="547889" cy="722528"/>
              <a:chOff x="-1365744" y="3561891"/>
              <a:chExt cx="533401" cy="710742"/>
            </a:xfrm>
          </p:grpSpPr>
          <p:grpSp>
            <p:nvGrpSpPr>
              <p:cNvPr id="219" name="Group 218"/>
              <p:cNvGrpSpPr/>
              <p:nvPr/>
            </p:nvGrpSpPr>
            <p:grpSpPr>
              <a:xfrm>
                <a:off x="-1365744" y="3565615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21" name="Isosceles Triangle 220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22" name="Oval 221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20" name="Picture 219"/>
              <p:cNvPicPr>
                <a:picLocks noChangeAspect="1"/>
              </p:cNvPicPr>
              <p:nvPr/>
            </p:nvPicPr>
            <p:blipFill rotWithShape="1">
              <a:blip r:embed="rId42"/>
              <a:srcRect l="7302" t="7091" r="10031" b="10242"/>
              <a:stretch/>
            </p:blipFill>
            <p:spPr>
              <a:xfrm>
                <a:off x="-1324251" y="3561891"/>
                <a:ext cx="450414" cy="450414"/>
              </a:xfrm>
              <a:prstGeom prst="ellipse">
                <a:avLst/>
              </a:prstGeom>
            </p:spPr>
          </p:pic>
        </p:grpSp>
        <p:grpSp>
          <p:nvGrpSpPr>
            <p:cNvPr id="223" name="Group 222"/>
            <p:cNvGrpSpPr/>
            <p:nvPr/>
          </p:nvGrpSpPr>
          <p:grpSpPr>
            <a:xfrm>
              <a:off x="8526876" y="4603705"/>
              <a:ext cx="749338" cy="786432"/>
              <a:chOff x="-1780357" y="2386793"/>
              <a:chExt cx="1304657" cy="1201016"/>
            </a:xfrm>
          </p:grpSpPr>
          <p:pic>
            <p:nvPicPr>
              <p:cNvPr id="224" name="Picture 223"/>
              <p:cNvPicPr>
                <a:picLocks noChangeAspect="1"/>
              </p:cNvPicPr>
              <p:nvPr/>
            </p:nvPicPr>
            <p:blipFill>
              <a:blip r:embed="rId43"/>
              <a:stretch>
                <a:fillRect/>
              </a:stretch>
            </p:blipFill>
            <p:spPr>
              <a:xfrm>
                <a:off x="-1780357" y="2386793"/>
                <a:ext cx="1304657" cy="1201016"/>
              </a:xfrm>
              <a:prstGeom prst="rect">
                <a:avLst/>
              </a:prstGeom>
            </p:spPr>
          </p:pic>
          <p:pic>
            <p:nvPicPr>
              <p:cNvPr id="225" name="Picture 224"/>
              <p:cNvPicPr>
                <a:picLocks noChangeAspect="1"/>
              </p:cNvPicPr>
              <p:nvPr/>
            </p:nvPicPr>
            <p:blipFill rotWithShape="1">
              <a:blip r:embed="rId44"/>
              <a:srcRect l="27778" t="18888" r="23333" b="27778"/>
              <a:stretch/>
            </p:blipFill>
            <p:spPr>
              <a:xfrm>
                <a:off x="-1597926" y="2421166"/>
                <a:ext cx="597257" cy="651553"/>
              </a:xfrm>
              <a:prstGeom prst="ellipse">
                <a:avLst/>
              </a:prstGeom>
            </p:spPr>
          </p:pic>
        </p:grpSp>
        <p:grpSp>
          <p:nvGrpSpPr>
            <p:cNvPr id="207" name="Group 206"/>
            <p:cNvGrpSpPr/>
            <p:nvPr/>
          </p:nvGrpSpPr>
          <p:grpSpPr>
            <a:xfrm>
              <a:off x="8599365" y="4927522"/>
              <a:ext cx="533401" cy="707018"/>
              <a:chOff x="-533401" y="4603116"/>
              <a:chExt cx="533401" cy="707018"/>
            </a:xfrm>
          </p:grpSpPr>
          <p:grpSp>
            <p:nvGrpSpPr>
              <p:cNvPr id="204" name="Group 203"/>
              <p:cNvGrpSpPr/>
              <p:nvPr/>
            </p:nvGrpSpPr>
            <p:grpSpPr>
              <a:xfrm>
                <a:off x="-533401" y="4603116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05" name="Isosceles Triangle 204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06" name="Oval 205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03" name="Picture 202"/>
              <p:cNvPicPr>
                <a:picLocks noChangeAspect="1"/>
              </p:cNvPicPr>
              <p:nvPr/>
            </p:nvPicPr>
            <p:blipFill>
              <a:blip r:embed="rId45"/>
              <a:stretch>
                <a:fillRect/>
              </a:stretch>
            </p:blipFill>
            <p:spPr>
              <a:xfrm>
                <a:off x="-478895" y="4632730"/>
                <a:ext cx="424387" cy="424387"/>
              </a:xfrm>
              <a:prstGeom prst="ellipse">
                <a:avLst/>
              </a:prstGeom>
            </p:spPr>
          </p:pic>
        </p:grpSp>
        <p:grpSp>
          <p:nvGrpSpPr>
            <p:cNvPr id="247" name="Group 246"/>
            <p:cNvGrpSpPr/>
            <p:nvPr/>
          </p:nvGrpSpPr>
          <p:grpSpPr>
            <a:xfrm>
              <a:off x="2907965" y="3606912"/>
              <a:ext cx="533401" cy="707018"/>
              <a:chOff x="-936972" y="3992957"/>
              <a:chExt cx="533401" cy="707018"/>
            </a:xfrm>
          </p:grpSpPr>
          <p:grpSp>
            <p:nvGrpSpPr>
              <p:cNvPr id="243" name="Group 242"/>
              <p:cNvGrpSpPr/>
              <p:nvPr/>
            </p:nvGrpSpPr>
            <p:grpSpPr>
              <a:xfrm>
                <a:off x="-936972" y="3992957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44" name="Isosceles Triangle 24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45" name="Oval 24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46" name="Picture 245"/>
              <p:cNvPicPr>
                <a:picLocks noChangeAspect="1"/>
              </p:cNvPicPr>
              <p:nvPr/>
            </p:nvPicPr>
            <p:blipFill>
              <a:blip r:embed="rId46"/>
              <a:stretch>
                <a:fillRect/>
              </a:stretch>
            </p:blipFill>
            <p:spPr>
              <a:xfrm>
                <a:off x="-869913" y="4003178"/>
                <a:ext cx="409734" cy="444500"/>
              </a:xfrm>
              <a:prstGeom prst="ellipse">
                <a:avLst/>
              </a:prstGeom>
            </p:spPr>
          </p:pic>
        </p:grpSp>
        <p:grpSp>
          <p:nvGrpSpPr>
            <p:cNvPr id="249" name="Group 248"/>
            <p:cNvGrpSpPr/>
            <p:nvPr/>
          </p:nvGrpSpPr>
          <p:grpSpPr>
            <a:xfrm>
              <a:off x="2183289" y="2739647"/>
              <a:ext cx="533401" cy="707018"/>
              <a:chOff x="-796007" y="4629936"/>
              <a:chExt cx="533401" cy="707018"/>
            </a:xfrm>
          </p:grpSpPr>
          <p:grpSp>
            <p:nvGrpSpPr>
              <p:cNvPr id="234" name="Group 233"/>
              <p:cNvGrpSpPr/>
              <p:nvPr/>
            </p:nvGrpSpPr>
            <p:grpSpPr>
              <a:xfrm>
                <a:off x="-796007" y="4629936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35" name="Isosceles Triangle 234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36" name="Oval 235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48" name="Picture 247"/>
              <p:cNvPicPr>
                <a:picLocks noChangeAspect="1"/>
              </p:cNvPicPr>
              <p:nvPr/>
            </p:nvPicPr>
            <p:blipFill rotWithShape="1">
              <a:blip r:embed="rId47"/>
              <a:srcRect l="3750" r="3438" b="3438"/>
              <a:stretch/>
            </p:blipFill>
            <p:spPr>
              <a:xfrm>
                <a:off x="-739973" y="4634147"/>
                <a:ext cx="419933" cy="436899"/>
              </a:xfrm>
              <a:prstGeom prst="ellipse">
                <a:avLst/>
              </a:prstGeom>
            </p:spPr>
          </p:pic>
        </p:grpSp>
        <p:grpSp>
          <p:nvGrpSpPr>
            <p:cNvPr id="241" name="Group 240"/>
            <p:cNvGrpSpPr/>
            <p:nvPr/>
          </p:nvGrpSpPr>
          <p:grpSpPr>
            <a:xfrm>
              <a:off x="5834971" y="2692499"/>
              <a:ext cx="533401" cy="707018"/>
              <a:chOff x="-634977" y="4939546"/>
              <a:chExt cx="533401" cy="707018"/>
            </a:xfrm>
          </p:grpSpPr>
          <p:grpSp>
            <p:nvGrpSpPr>
              <p:cNvPr id="251" name="Group 250"/>
              <p:cNvGrpSpPr/>
              <p:nvPr/>
            </p:nvGrpSpPr>
            <p:grpSpPr>
              <a:xfrm>
                <a:off x="-634977" y="4939546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54" name="Isosceles Triangle 25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55" name="Oval 25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40" name="Picture 239"/>
              <p:cNvPicPr>
                <a:picLocks noChangeAspect="1"/>
              </p:cNvPicPr>
              <p:nvPr/>
            </p:nvPicPr>
            <p:blipFill rotWithShape="1">
              <a:blip r:embed="rId48"/>
              <a:srcRect l="6722" t="5637" r="4122" b="17465"/>
              <a:stretch/>
            </p:blipFill>
            <p:spPr>
              <a:xfrm>
                <a:off x="-580297" y="4953916"/>
                <a:ext cx="462001" cy="398476"/>
              </a:xfrm>
              <a:prstGeom prst="ellipse">
                <a:avLst/>
              </a:prstGeom>
            </p:spPr>
          </p:pic>
        </p:grpSp>
        <p:grpSp>
          <p:nvGrpSpPr>
            <p:cNvPr id="230" name="Group 229"/>
            <p:cNvGrpSpPr/>
            <p:nvPr/>
          </p:nvGrpSpPr>
          <p:grpSpPr>
            <a:xfrm>
              <a:off x="5862073" y="3072202"/>
              <a:ext cx="533401" cy="707018"/>
              <a:chOff x="-631313" y="4586037"/>
              <a:chExt cx="533401" cy="707018"/>
            </a:xfrm>
          </p:grpSpPr>
          <p:grpSp>
            <p:nvGrpSpPr>
              <p:cNvPr id="162" name="Group 161"/>
              <p:cNvGrpSpPr/>
              <p:nvPr/>
            </p:nvGrpSpPr>
            <p:grpSpPr>
              <a:xfrm>
                <a:off x="-631313" y="4586037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163" name="Isosceles Triangle 162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164" name="Oval 163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29" name="Picture 228"/>
              <p:cNvPicPr>
                <a:picLocks noChangeAspect="1"/>
              </p:cNvPicPr>
              <p:nvPr/>
            </p:nvPicPr>
            <p:blipFill rotWithShape="1">
              <a:blip r:embed="rId49"/>
              <a:srcRect r="67214"/>
              <a:stretch/>
            </p:blipFill>
            <p:spPr>
              <a:xfrm>
                <a:off x="-565711" y="4625051"/>
                <a:ext cx="425553" cy="405613"/>
              </a:xfrm>
              <a:prstGeom prst="ellipse">
                <a:avLst/>
              </a:prstGeom>
            </p:spPr>
          </p:pic>
        </p:grpSp>
        <p:grpSp>
          <p:nvGrpSpPr>
            <p:cNvPr id="260" name="Group 259">
              <a:extLst>
                <a:ext uri="{FF2B5EF4-FFF2-40B4-BE49-F238E27FC236}">
                  <a16:creationId xmlns:a16="http://schemas.microsoft.com/office/drawing/2014/main" id="{062884A1-C9F1-E848-80BE-EEA2CCF64EAA}"/>
                </a:ext>
              </a:extLst>
            </p:cNvPr>
            <p:cNvGrpSpPr/>
            <p:nvPr/>
          </p:nvGrpSpPr>
          <p:grpSpPr>
            <a:xfrm>
              <a:off x="8662005" y="4755185"/>
              <a:ext cx="564758" cy="707018"/>
              <a:chOff x="496459" y="5077089"/>
              <a:chExt cx="564758" cy="707018"/>
            </a:xfrm>
          </p:grpSpPr>
          <p:grpSp>
            <p:nvGrpSpPr>
              <p:cNvPr id="256" name="Group 255">
                <a:extLst>
                  <a:ext uri="{FF2B5EF4-FFF2-40B4-BE49-F238E27FC236}">
                    <a16:creationId xmlns:a16="http://schemas.microsoft.com/office/drawing/2014/main" id="{E53C3D3C-3DD9-43F3-9C23-AB4FEF954773}"/>
                  </a:ext>
                </a:extLst>
              </p:cNvPr>
              <p:cNvGrpSpPr/>
              <p:nvPr/>
            </p:nvGrpSpPr>
            <p:grpSpPr>
              <a:xfrm>
                <a:off x="496459" y="5077089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57" name="Isosceles Triangle 256">
                  <a:extLst>
                    <a:ext uri="{FF2B5EF4-FFF2-40B4-BE49-F238E27FC236}">
                      <a16:creationId xmlns:a16="http://schemas.microsoft.com/office/drawing/2014/main" id="{3BB56CD0-B435-49C5-8784-C3C178A69670}"/>
                    </a:ext>
                  </a:extLst>
                </p:cNvPr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58" name="Oval 257">
                  <a:extLst>
                    <a:ext uri="{FF2B5EF4-FFF2-40B4-BE49-F238E27FC236}">
                      <a16:creationId xmlns:a16="http://schemas.microsoft.com/office/drawing/2014/main" id="{AD022F04-5BCB-486C-AC59-DA55B094EECC}"/>
                    </a:ext>
                  </a:extLst>
                </p:cNvPr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59" name="Picture 259">
                <a:extLst>
                  <a:ext uri="{FF2B5EF4-FFF2-40B4-BE49-F238E27FC236}">
                    <a16:creationId xmlns:a16="http://schemas.microsoft.com/office/drawing/2014/main" id="{59A09EAC-58DB-496D-81FB-1E52F9D68E73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50"/>
              <a:srcRect t="24713" r="6973" b="20910"/>
              <a:stretch/>
            </p:blipFill>
            <p:spPr>
              <a:xfrm>
                <a:off x="512437" y="5172174"/>
                <a:ext cx="548780" cy="320780"/>
              </a:xfrm>
              <a:prstGeom prst="ellipse">
                <a:avLst/>
              </a:prstGeom>
            </p:spPr>
          </p:pic>
        </p:grpSp>
        <p:grpSp>
          <p:nvGrpSpPr>
            <p:cNvPr id="81" name="Group 80"/>
            <p:cNvGrpSpPr/>
            <p:nvPr/>
          </p:nvGrpSpPr>
          <p:grpSpPr>
            <a:xfrm>
              <a:off x="8548845" y="4459269"/>
              <a:ext cx="533401" cy="707018"/>
              <a:chOff x="-381000" y="4419600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82" name="Group 81"/>
              <p:cNvGrpSpPr/>
              <p:nvPr/>
            </p:nvGrpSpPr>
            <p:grpSpPr>
              <a:xfrm>
                <a:off x="-381000" y="4419600"/>
                <a:ext cx="1066800" cy="1316618"/>
                <a:chOff x="762000" y="2348628"/>
                <a:chExt cx="762000" cy="965944"/>
              </a:xfrm>
            </p:grpSpPr>
            <p:sp>
              <p:nvSpPr>
                <p:cNvPr id="84" name="Isosceles Triangle 8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5" name="Oval 8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83" name="Picture 7" descr="http://www.greentrainingusa.com/images/logos/small/jea-logo2.jpg"/>
              <p:cNvPicPr>
                <a:picLocks noChangeAspect="1" noChangeArrowheads="1"/>
              </p:cNvPicPr>
              <p:nvPr/>
            </p:nvPicPr>
            <p:blipFill>
              <a:blip r:embed="rId51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304800" y="4648200"/>
                <a:ext cx="914400" cy="471233"/>
              </a:xfrm>
              <a:prstGeom prst="ellipse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265" name="Group 264">
              <a:extLst>
                <a:ext uri="{FF2B5EF4-FFF2-40B4-BE49-F238E27FC236}">
                  <a16:creationId xmlns:a16="http://schemas.microsoft.com/office/drawing/2014/main" id="{F0EE0A5F-67F6-004E-AD0C-D52EA41EAED0}"/>
                </a:ext>
              </a:extLst>
            </p:cNvPr>
            <p:cNvGrpSpPr/>
            <p:nvPr/>
          </p:nvGrpSpPr>
          <p:grpSpPr>
            <a:xfrm>
              <a:off x="8612534" y="2826454"/>
              <a:ext cx="561378" cy="671160"/>
              <a:chOff x="-980238" y="4869212"/>
              <a:chExt cx="595200" cy="707018"/>
            </a:xfrm>
          </p:grpSpPr>
          <p:grpSp>
            <p:nvGrpSpPr>
              <p:cNvPr id="261" name="Group 260">
                <a:extLst>
                  <a:ext uri="{FF2B5EF4-FFF2-40B4-BE49-F238E27FC236}">
                    <a16:creationId xmlns:a16="http://schemas.microsoft.com/office/drawing/2014/main" id="{9E9C1617-93EC-7247-9D31-DE82BDC01930}"/>
                  </a:ext>
                </a:extLst>
              </p:cNvPr>
              <p:cNvGrpSpPr/>
              <p:nvPr/>
            </p:nvGrpSpPr>
            <p:grpSpPr>
              <a:xfrm>
                <a:off x="-972535" y="4869212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62" name="Isosceles Triangle 226">
                  <a:extLst>
                    <a:ext uri="{FF2B5EF4-FFF2-40B4-BE49-F238E27FC236}">
                      <a16:creationId xmlns:a16="http://schemas.microsoft.com/office/drawing/2014/main" id="{0D214D70-D402-4D4B-AD2D-0A85576BA47B}"/>
                    </a:ext>
                  </a:extLst>
                </p:cNvPr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63" name="Oval 262">
                  <a:extLst>
                    <a:ext uri="{FF2B5EF4-FFF2-40B4-BE49-F238E27FC236}">
                      <a16:creationId xmlns:a16="http://schemas.microsoft.com/office/drawing/2014/main" id="{1739170E-B879-3343-B063-6BEB895C785F}"/>
                    </a:ext>
                  </a:extLst>
                </p:cNvPr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64" name="Picture 263">
                <a:extLst>
                  <a:ext uri="{FF2B5EF4-FFF2-40B4-BE49-F238E27FC236}">
                    <a16:creationId xmlns:a16="http://schemas.microsoft.com/office/drawing/2014/main" id="{7A3FCCDD-ACAA-C340-8283-03F18720AF92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52"/>
              <a:srcRect l="6654" t="23217" b="15238"/>
              <a:stretch/>
            </p:blipFill>
            <p:spPr>
              <a:xfrm>
                <a:off x="-980238" y="4921367"/>
                <a:ext cx="595200" cy="364533"/>
              </a:xfrm>
              <a:prstGeom prst="ellipse">
                <a:avLst/>
              </a:prstGeom>
            </p:spPr>
          </p:pic>
        </p:grpSp>
        <p:grpSp>
          <p:nvGrpSpPr>
            <p:cNvPr id="270" name="Group 269">
              <a:extLst>
                <a:ext uri="{FF2B5EF4-FFF2-40B4-BE49-F238E27FC236}">
                  <a16:creationId xmlns:a16="http://schemas.microsoft.com/office/drawing/2014/main" id="{B09FF57D-FE22-984C-BF0B-9E8ADAB0B6B5}"/>
                </a:ext>
              </a:extLst>
            </p:cNvPr>
            <p:cNvGrpSpPr/>
            <p:nvPr/>
          </p:nvGrpSpPr>
          <p:grpSpPr>
            <a:xfrm>
              <a:off x="4607877" y="3003408"/>
              <a:ext cx="533401" cy="707018"/>
              <a:chOff x="-564241" y="5090552"/>
              <a:chExt cx="533401" cy="707018"/>
            </a:xfrm>
          </p:grpSpPr>
          <p:grpSp>
            <p:nvGrpSpPr>
              <p:cNvPr id="266" name="Group 265">
                <a:extLst>
                  <a:ext uri="{FF2B5EF4-FFF2-40B4-BE49-F238E27FC236}">
                    <a16:creationId xmlns:a16="http://schemas.microsoft.com/office/drawing/2014/main" id="{D9E198EA-AC38-EC45-AB6F-4D85CC8F0254}"/>
                  </a:ext>
                </a:extLst>
              </p:cNvPr>
              <p:cNvGrpSpPr/>
              <p:nvPr/>
            </p:nvGrpSpPr>
            <p:grpSpPr>
              <a:xfrm>
                <a:off x="-564241" y="5090552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67" name="Isosceles Triangle 226">
                  <a:extLst>
                    <a:ext uri="{FF2B5EF4-FFF2-40B4-BE49-F238E27FC236}">
                      <a16:creationId xmlns:a16="http://schemas.microsoft.com/office/drawing/2014/main" id="{50C7D721-4B82-2549-B19E-EE70C2BCAB28}"/>
                    </a:ext>
                  </a:extLst>
                </p:cNvPr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68" name="Oval 267">
                  <a:extLst>
                    <a:ext uri="{FF2B5EF4-FFF2-40B4-BE49-F238E27FC236}">
                      <a16:creationId xmlns:a16="http://schemas.microsoft.com/office/drawing/2014/main" id="{CE37397C-8EBC-9D4C-BBF5-3C66A8E79151}"/>
                    </a:ext>
                  </a:extLst>
                </p:cNvPr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69" name="Picture 268">
                <a:extLst>
                  <a:ext uri="{FF2B5EF4-FFF2-40B4-BE49-F238E27FC236}">
                    <a16:creationId xmlns:a16="http://schemas.microsoft.com/office/drawing/2014/main" id="{D30652AB-A1E4-244C-BF31-0C25F2FD49EF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53"/>
              <a:srcRect l="-2784" t="-892" r="2784" b="892"/>
              <a:stretch/>
            </p:blipFill>
            <p:spPr>
              <a:xfrm>
                <a:off x="-522627" y="5113112"/>
                <a:ext cx="437181" cy="437181"/>
              </a:xfrm>
              <a:prstGeom prst="ellipse">
                <a:avLst/>
              </a:prstGeom>
            </p:spPr>
          </p:pic>
        </p:grpSp>
        <p:grpSp>
          <p:nvGrpSpPr>
            <p:cNvPr id="197" name="Group 196"/>
            <p:cNvGrpSpPr/>
            <p:nvPr/>
          </p:nvGrpSpPr>
          <p:grpSpPr>
            <a:xfrm>
              <a:off x="2565263" y="3647355"/>
              <a:ext cx="533401" cy="707018"/>
              <a:chOff x="-1213344" y="3718015"/>
              <a:chExt cx="533401" cy="707018"/>
            </a:xfrm>
          </p:grpSpPr>
          <p:grpSp>
            <p:nvGrpSpPr>
              <p:cNvPr id="190" name="Group 189"/>
              <p:cNvGrpSpPr/>
              <p:nvPr/>
            </p:nvGrpSpPr>
            <p:grpSpPr>
              <a:xfrm>
                <a:off x="-1213344" y="3718015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191" name="Isosceles Triangle 190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192" name="Oval 191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196" name="Picture 195"/>
              <p:cNvPicPr>
                <a:picLocks noChangeAspect="1"/>
              </p:cNvPicPr>
              <p:nvPr/>
            </p:nvPicPr>
            <p:blipFill>
              <a:blip r:embed="rId54"/>
              <a:stretch>
                <a:fillRect/>
              </a:stretch>
            </p:blipFill>
            <p:spPr>
              <a:xfrm>
                <a:off x="-1181061" y="3718015"/>
                <a:ext cx="469385" cy="454974"/>
              </a:xfrm>
              <a:prstGeom prst="ellipse">
                <a:avLst/>
              </a:prstGeom>
            </p:spPr>
          </p:pic>
        </p:grpSp>
        <p:grpSp>
          <p:nvGrpSpPr>
            <p:cNvPr id="1025" name="Group 1024">
              <a:extLst>
                <a:ext uri="{FF2B5EF4-FFF2-40B4-BE49-F238E27FC236}">
                  <a16:creationId xmlns:a16="http://schemas.microsoft.com/office/drawing/2014/main" id="{D4F12041-A38C-9845-87D4-665D73C5F151}"/>
                </a:ext>
              </a:extLst>
            </p:cNvPr>
            <p:cNvGrpSpPr/>
            <p:nvPr/>
          </p:nvGrpSpPr>
          <p:grpSpPr>
            <a:xfrm>
              <a:off x="6009110" y="4719323"/>
              <a:ext cx="535445" cy="707018"/>
              <a:chOff x="320115" y="5261845"/>
              <a:chExt cx="535445" cy="707018"/>
            </a:xfrm>
          </p:grpSpPr>
          <p:grpSp>
            <p:nvGrpSpPr>
              <p:cNvPr id="271" name="Group 270">
                <a:extLst>
                  <a:ext uri="{FF2B5EF4-FFF2-40B4-BE49-F238E27FC236}">
                    <a16:creationId xmlns:a16="http://schemas.microsoft.com/office/drawing/2014/main" id="{AAB5CEB2-3546-6045-8BE3-95821B773881}"/>
                  </a:ext>
                </a:extLst>
              </p:cNvPr>
              <p:cNvGrpSpPr/>
              <p:nvPr/>
            </p:nvGrpSpPr>
            <p:grpSpPr>
              <a:xfrm>
                <a:off x="320115" y="5261845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72" name="Isosceles Triangle 226">
                  <a:extLst>
                    <a:ext uri="{FF2B5EF4-FFF2-40B4-BE49-F238E27FC236}">
                      <a16:creationId xmlns:a16="http://schemas.microsoft.com/office/drawing/2014/main" id="{C4801AEE-B9FD-664B-B65F-B912EABC4570}"/>
                    </a:ext>
                  </a:extLst>
                </p:cNvPr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73" name="Oval 272">
                  <a:extLst>
                    <a:ext uri="{FF2B5EF4-FFF2-40B4-BE49-F238E27FC236}">
                      <a16:creationId xmlns:a16="http://schemas.microsoft.com/office/drawing/2014/main" id="{D4E4EB20-6B80-AC41-B766-66873BE290DE}"/>
                    </a:ext>
                  </a:extLst>
                </p:cNvPr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1028" name="Picture 4" descr="CPS Energy Presents Two Renewable Energy Initiatives | San Antonio Chamber">
                <a:extLst>
                  <a:ext uri="{FF2B5EF4-FFF2-40B4-BE49-F238E27FC236}">
                    <a16:creationId xmlns:a16="http://schemas.microsoft.com/office/drawing/2014/main" id="{2459DB60-546F-314E-98D3-75A5F797C543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5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4270"/>
              <a:stretch/>
            </p:blipFill>
            <p:spPr bwMode="auto">
              <a:xfrm>
                <a:off x="350611" y="5356930"/>
                <a:ext cx="504949" cy="258424"/>
              </a:xfrm>
              <a:prstGeom prst="ellipse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168" name="Group 167">
              <a:extLst>
                <a:ext uri="{FF2B5EF4-FFF2-40B4-BE49-F238E27FC236}">
                  <a16:creationId xmlns:a16="http://schemas.microsoft.com/office/drawing/2014/main" id="{AEEE8D9E-A127-A440-9F5D-8613E64C10BB}"/>
                </a:ext>
              </a:extLst>
            </p:cNvPr>
            <p:cNvGrpSpPr/>
            <p:nvPr/>
          </p:nvGrpSpPr>
          <p:grpSpPr>
            <a:xfrm>
              <a:off x="7779610" y="2535748"/>
              <a:ext cx="579602" cy="707018"/>
              <a:chOff x="6413039" y="2810037"/>
              <a:chExt cx="579602" cy="707018"/>
            </a:xfrm>
          </p:grpSpPr>
          <p:grpSp>
            <p:nvGrpSpPr>
              <p:cNvPr id="16" name="Group 15"/>
              <p:cNvGrpSpPr/>
              <p:nvPr/>
            </p:nvGrpSpPr>
            <p:grpSpPr>
              <a:xfrm>
                <a:off x="6428598" y="2810037"/>
                <a:ext cx="533401" cy="707018"/>
                <a:chOff x="578099" y="4485395"/>
                <a:chExt cx="1066800" cy="1316618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grpSp>
              <p:nvGrpSpPr>
                <p:cNvPr id="17" name="Group 16"/>
                <p:cNvGrpSpPr/>
                <p:nvPr/>
              </p:nvGrpSpPr>
              <p:grpSpPr>
                <a:xfrm>
                  <a:off x="578099" y="4485395"/>
                  <a:ext cx="1066800" cy="1316618"/>
                  <a:chOff x="762000" y="2348628"/>
                  <a:chExt cx="762000" cy="965944"/>
                </a:xfrm>
              </p:grpSpPr>
              <p:sp>
                <p:nvSpPr>
                  <p:cNvPr id="19" name="Isosceles Triangle 18"/>
                  <p:cNvSpPr/>
                  <p:nvPr/>
                </p:nvSpPr>
                <p:spPr>
                  <a:xfrm rot="10800000">
                    <a:off x="762000" y="2671464"/>
                    <a:ext cx="762000" cy="643108"/>
                  </a:xfrm>
                  <a:prstGeom prst="triangle">
                    <a:avLst/>
                  </a:prstGeom>
                </p:spPr>
                <p:style>
                  <a:lnRef idx="2">
                    <a:schemeClr val="accent2"/>
                  </a:lnRef>
                  <a:fillRef idx="1">
                    <a:schemeClr val="lt1"/>
                  </a:fillRef>
                  <a:effectRef idx="0">
                    <a:schemeClr val="accent2"/>
                  </a:effectRef>
                  <a:fontRef idx="minor">
                    <a:schemeClr val="dk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  <p:sp>
                <p:nvSpPr>
                  <p:cNvPr id="20" name="Oval 19"/>
                  <p:cNvSpPr/>
                  <p:nvPr/>
                </p:nvSpPr>
                <p:spPr>
                  <a:xfrm>
                    <a:off x="762000" y="2348628"/>
                    <a:ext cx="762000" cy="645671"/>
                  </a:xfrm>
                  <a:prstGeom prst="ellipse">
                    <a:avLst/>
                  </a:prstGeom>
                </p:spPr>
                <p:style>
                  <a:lnRef idx="2">
                    <a:schemeClr val="accent2"/>
                  </a:lnRef>
                  <a:fillRef idx="1">
                    <a:schemeClr val="lt1"/>
                  </a:fillRef>
                  <a:effectRef idx="0">
                    <a:schemeClr val="accent2"/>
                  </a:effectRef>
                  <a:fontRef idx="minor">
                    <a:schemeClr val="dk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</p:grpSp>
            <p:pic>
              <p:nvPicPr>
                <p:cNvPr id="18" name="Picture 17"/>
                <p:cNvPicPr>
                  <a:picLocks noChangeAspect="1" noChangeArrowheads="1"/>
                </p:cNvPicPr>
                <p:nvPr/>
              </p:nvPicPr>
              <p:blipFill>
                <a:blip r:embed="rId56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 bwMode="auto">
                <a:xfrm>
                  <a:off x="685801" y="4778623"/>
                  <a:ext cx="838200" cy="348603"/>
                </a:xfrm>
                <a:prstGeom prst="ellipse">
                  <a:avLst/>
                </a:prstGeom>
                <a:noFill/>
                <a:ln>
                  <a:noFill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chemeClr val="accent1"/>
                      </a:solidFill>
                    </a14:hiddenFill>
                  </a:ext>
                  <a:ext uri="{91240B29-F687-4F45-9708-019B960494DF}">
                    <a14:hiddenLine xmlns:a14="http://schemas.microsoft.com/office/drawing/2010/main" w="9525">
                      <a:solidFill>
                        <a:schemeClr val="tx1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</p:pic>
          </p:grpSp>
          <p:pic>
            <p:nvPicPr>
              <p:cNvPr id="166" name="Picture 165" descr="Logo, company name&#10;&#10;Description automatically generated">
                <a:extLst>
                  <a:ext uri="{FF2B5EF4-FFF2-40B4-BE49-F238E27FC236}">
                    <a16:creationId xmlns:a16="http://schemas.microsoft.com/office/drawing/2014/main" id="{8221A60B-2942-6A4B-ACC4-B7B29F6671F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7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413039" y="2955776"/>
                <a:ext cx="579602" cy="219929"/>
              </a:xfrm>
              <a:prstGeom prst="ellipse">
                <a:avLst/>
              </a:prstGeom>
            </p:spPr>
          </p:pic>
        </p:grpSp>
        <p:grpSp>
          <p:nvGrpSpPr>
            <p:cNvPr id="61" name="Group 60"/>
            <p:cNvGrpSpPr/>
            <p:nvPr/>
          </p:nvGrpSpPr>
          <p:grpSpPr>
            <a:xfrm>
              <a:off x="8906141" y="2460056"/>
              <a:ext cx="540379" cy="669971"/>
              <a:chOff x="2738884" y="4419522"/>
              <a:chExt cx="1066800" cy="1316618"/>
            </a:xfrm>
            <a:effectLst>
              <a:outerShdw blurRad="76200" dir="18900000" sy="23000" kx="-1200000" algn="bl" rotWithShape="0">
                <a:prstClr val="black">
                  <a:alpha val="20000"/>
                </a:prstClr>
              </a:outerShdw>
            </a:effectLst>
          </p:grpSpPr>
          <p:grpSp>
            <p:nvGrpSpPr>
              <p:cNvPr id="62" name="Group 61"/>
              <p:cNvGrpSpPr/>
              <p:nvPr/>
            </p:nvGrpSpPr>
            <p:grpSpPr>
              <a:xfrm>
                <a:off x="2738884" y="4419522"/>
                <a:ext cx="1066800" cy="1316618"/>
                <a:chOff x="762000" y="2348628"/>
                <a:chExt cx="762000" cy="965944"/>
              </a:xfrm>
            </p:grpSpPr>
            <p:sp>
              <p:nvSpPr>
                <p:cNvPr id="64" name="Isosceles Triangle 63"/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65" name="Oval 64"/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  <p:pic>
            <p:nvPicPr>
              <p:cNvPr id="63" name="Picture 16"/>
              <p:cNvPicPr>
                <a:picLocks noChangeAspect="1" noChangeArrowheads="1"/>
              </p:cNvPicPr>
              <p:nvPr/>
            </p:nvPicPr>
            <p:blipFill>
              <a:blip r:embed="rId5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853184" y="4438494"/>
                <a:ext cx="838200" cy="838200"/>
              </a:xfrm>
              <a:prstGeom prst="ellipse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274" name="Group 273">
              <a:extLst>
                <a:ext uri="{FF2B5EF4-FFF2-40B4-BE49-F238E27FC236}">
                  <a16:creationId xmlns:a16="http://schemas.microsoft.com/office/drawing/2014/main" id="{B3255028-7B95-5A4F-9B23-53F28E232EA5}"/>
                </a:ext>
              </a:extLst>
            </p:cNvPr>
            <p:cNvGrpSpPr/>
            <p:nvPr/>
          </p:nvGrpSpPr>
          <p:grpSpPr>
            <a:xfrm>
              <a:off x="9071577" y="2006179"/>
              <a:ext cx="533401" cy="707018"/>
              <a:chOff x="-689062" y="4444982"/>
              <a:chExt cx="533401" cy="707018"/>
            </a:xfrm>
          </p:grpSpPr>
          <p:grpSp>
            <p:nvGrpSpPr>
              <p:cNvPr id="275" name="Group 274">
                <a:extLst>
                  <a:ext uri="{FF2B5EF4-FFF2-40B4-BE49-F238E27FC236}">
                    <a16:creationId xmlns:a16="http://schemas.microsoft.com/office/drawing/2014/main" id="{8C9553EB-2D8C-C54E-92AC-951971657A78}"/>
                  </a:ext>
                </a:extLst>
              </p:cNvPr>
              <p:cNvGrpSpPr/>
              <p:nvPr/>
            </p:nvGrpSpPr>
            <p:grpSpPr>
              <a:xfrm>
                <a:off x="-689062" y="4444982"/>
                <a:ext cx="533401" cy="707018"/>
                <a:chOff x="762000" y="2348628"/>
                <a:chExt cx="762000" cy="965944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grpSpPr>
            <p:sp>
              <p:nvSpPr>
                <p:cNvPr id="278" name="Isosceles Triangle 226">
                  <a:extLst>
                    <a:ext uri="{FF2B5EF4-FFF2-40B4-BE49-F238E27FC236}">
                      <a16:creationId xmlns:a16="http://schemas.microsoft.com/office/drawing/2014/main" id="{8E72C8B2-3393-8A41-8D11-464FEC0622E1}"/>
                    </a:ext>
                  </a:extLst>
                </p:cNvPr>
                <p:cNvSpPr/>
                <p:nvPr/>
              </p:nvSpPr>
              <p:spPr>
                <a:xfrm rot="10800000">
                  <a:off x="762000" y="2671464"/>
                  <a:ext cx="762000" cy="643108"/>
                </a:xfrm>
                <a:prstGeom prst="triangl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  <p:sp>
              <p:nvSpPr>
                <p:cNvPr id="279" name="Oval 278">
                  <a:extLst>
                    <a:ext uri="{FF2B5EF4-FFF2-40B4-BE49-F238E27FC236}">
                      <a16:creationId xmlns:a16="http://schemas.microsoft.com/office/drawing/2014/main" id="{07A62B05-BC79-3248-AAB5-263FAB11FC2E}"/>
                    </a:ext>
                  </a:extLst>
                </p:cNvPr>
                <p:cNvSpPr/>
                <p:nvPr/>
              </p:nvSpPr>
              <p:spPr>
                <a:xfrm>
                  <a:off x="762000" y="2348628"/>
                  <a:ext cx="762000" cy="645671"/>
                </a:xfrm>
                <a:prstGeom prst="ellipse">
                  <a:avLst/>
                </a:prstGeom>
              </p:spPr>
              <p:style>
                <a:lnRef idx="2">
                  <a:schemeClr val="accent2"/>
                </a:lnRef>
                <a:fillRef idx="1">
                  <a:schemeClr val="lt1"/>
                </a:fillRef>
                <a:effectRef idx="0">
                  <a:schemeClr val="accent2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600"/>
                </a:p>
              </p:txBody>
            </p:sp>
          </p:grpSp>
          <p:pic>
            <p:nvPicPr>
              <p:cNvPr id="276" name="Picture 275">
                <a:extLst>
                  <a:ext uri="{FF2B5EF4-FFF2-40B4-BE49-F238E27FC236}">
                    <a16:creationId xmlns:a16="http://schemas.microsoft.com/office/drawing/2014/main" id="{19013775-2EC1-C240-ADC9-43950FD1F765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59"/>
              <a:srcRect r="7182"/>
              <a:stretch/>
            </p:blipFill>
            <p:spPr>
              <a:xfrm>
                <a:off x="-689062" y="4529543"/>
                <a:ext cx="533400" cy="285532"/>
              </a:xfrm>
              <a:prstGeom prst="ellipse">
                <a:avLst/>
              </a:prstGeom>
            </p:spPr>
          </p:pic>
        </p:grpSp>
      </p:grpSp>
      <p:sp>
        <p:nvSpPr>
          <p:cNvPr id="280" name="Rectangle 279">
            <a:extLst>
              <a:ext uri="{FF2B5EF4-FFF2-40B4-BE49-F238E27FC236}">
                <a16:creationId xmlns:a16="http://schemas.microsoft.com/office/drawing/2014/main" id="{B1B26513-7AB6-5349-B206-D4A0CF12CD68}"/>
              </a:ext>
            </a:extLst>
          </p:cNvPr>
          <p:cNvSpPr/>
          <p:nvPr/>
        </p:nvSpPr>
        <p:spPr>
          <a:xfrm>
            <a:off x="12336" y="-12357"/>
            <a:ext cx="1470454" cy="6858000"/>
          </a:xfrm>
          <a:prstGeom prst="rect">
            <a:avLst/>
          </a:prstGeom>
          <a:solidFill>
            <a:srgbClr val="0BC3A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Title 4">
            <a:extLst>
              <a:ext uri="{FF2B5EF4-FFF2-40B4-BE49-F238E27FC236}">
                <a16:creationId xmlns:a16="http://schemas.microsoft.com/office/drawing/2014/main" id="{35E56155-2F9E-17BE-0BBA-4B842FFF5B5D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5300879" y="609730"/>
            <a:ext cx="4564063" cy="688975"/>
          </a:xfrm>
        </p:spPr>
        <p:txBody>
          <a:bodyPr vert="horz">
            <a:normAutofit/>
          </a:bodyPr>
          <a:lstStyle/>
          <a:p>
            <a:r>
              <a:rPr lang="en-US" sz="2400"/>
              <a:t>Coast-to-coast footprin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420389"/>
      </p:ext>
    </p:extLst>
  </p:cSld>
  <p:clrMapOvr>
    <a:masterClrMapping/>
  </p:clrMapOvr>
  <p:transition spd="slow">
    <p:wip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30A009-A059-FA84-5436-07B2E1C36D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What does our mission mean to you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74BFD60-6EDF-6B74-F087-79D8CAFA2AE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14618" y="2273652"/>
            <a:ext cx="3673538" cy="3678303"/>
          </a:xfrm>
        </p:spPr>
        <p:txBody>
          <a:bodyPr/>
          <a:lstStyle/>
          <a:p>
            <a:r>
              <a:rPr lang="en-US"/>
              <a:t>Asset Optimization</a:t>
            </a:r>
          </a:p>
          <a:p>
            <a:r>
              <a:rPr lang="en-US"/>
              <a:t>Wholesale Power Markets</a:t>
            </a:r>
          </a:p>
          <a:p>
            <a:r>
              <a:rPr lang="en-US"/>
              <a:t>Portfolio Management</a:t>
            </a:r>
          </a:p>
          <a:p>
            <a:r>
              <a:rPr lang="en-US"/>
              <a:t>Advisory Services</a:t>
            </a:r>
          </a:p>
          <a:p>
            <a:r>
              <a:rPr lang="en-US"/>
              <a:t>Emerging Services</a:t>
            </a:r>
          </a:p>
          <a:p>
            <a:pPr marL="0" indent="0">
              <a:buNone/>
            </a:pPr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EBFB90-784E-5258-E503-4404D95ADE06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6781" t="9762" r="34139" b="7247"/>
          <a:stretch/>
        </p:blipFill>
        <p:spPr>
          <a:xfrm rot="16200000">
            <a:off x="6069713" y="2243777"/>
            <a:ext cx="5030511" cy="397486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9BD92F5F-4A03-F40F-6C06-A92D2A93C802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7577" t="37938" r="22110" b="33392"/>
          <a:stretch/>
        </p:blipFill>
        <p:spPr>
          <a:xfrm>
            <a:off x="5587010" y="3529155"/>
            <a:ext cx="3522863" cy="1129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36540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660C3FFF-3309-2C83-9720-518897D724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Emerging services</a:t>
            </a:r>
          </a:p>
        </p:txBody>
      </p:sp>
      <p:sp>
        <p:nvSpPr>
          <p:cNvPr id="16" name="AutoShape 10">
            <a:extLst>
              <a:ext uri="{FF2B5EF4-FFF2-40B4-BE49-F238E27FC236}">
                <a16:creationId xmlns:a16="http://schemas.microsoft.com/office/drawing/2014/main" id="{C3DF0BAD-D402-50F1-69E5-D41B53BE073B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1" y="2699551"/>
            <a:ext cx="3107635" cy="31076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8F63BD67-F98F-E5E6-3E30-5012EE732B9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55285" y="2391729"/>
            <a:ext cx="3187548" cy="740334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6BAE6BC-09FE-7F2C-4F30-A41E8320F9E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9149" r="2733" b="79967"/>
          <a:stretch/>
        </p:blipFill>
        <p:spPr>
          <a:xfrm>
            <a:off x="294125" y="2335517"/>
            <a:ext cx="5277720" cy="85275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0F4BDBF-708E-418D-BEDA-EAAB27E482E8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/>
          <a:stretch/>
        </p:blipFill>
        <p:spPr>
          <a:xfrm>
            <a:off x="6981191" y="3138625"/>
            <a:ext cx="3735736" cy="2668561"/>
          </a:xfrm>
          <a:prstGeom prst="rect">
            <a:avLst/>
          </a:prstGeom>
        </p:spPr>
      </p:pic>
      <p:pic>
        <p:nvPicPr>
          <p:cNvPr id="12" name="Picture 11" descr="Graphical user interface, icon&#10;&#10;Description automatically generated">
            <a:extLst>
              <a:ext uri="{FF2B5EF4-FFF2-40B4-BE49-F238E27FC236}">
                <a16:creationId xmlns:a16="http://schemas.microsoft.com/office/drawing/2014/main" id="{8C618147-4FF5-4CC2-8FF1-CABEA306402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94638" y="3234559"/>
            <a:ext cx="2476691" cy="24766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401354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EA5021A8-56F3-46AD-52A8-AE24646744B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0700" b="2195"/>
          <a:stretch/>
        </p:blipFill>
        <p:spPr>
          <a:xfrm>
            <a:off x="518744" y="723428"/>
            <a:ext cx="4574604" cy="5753572"/>
          </a:xfrm>
          <a:prstGeom prst="rect">
            <a:avLst/>
          </a:prstGeom>
        </p:spPr>
      </p:pic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15411AC-DE56-732B-1FAD-9E6773AC6A3A}"/>
              </a:ext>
            </a:extLst>
          </p:cNvPr>
          <p:cNvSpPr txBox="1">
            <a:spLocks/>
          </p:cNvSpPr>
          <p:nvPr/>
        </p:nvSpPr>
        <p:spPr>
          <a:xfrm>
            <a:off x="6402917" y="3005996"/>
            <a:ext cx="5393102" cy="536005"/>
          </a:xfrm>
          <a:prstGeom prst="rect">
            <a:avLst/>
          </a:prstGeom>
        </p:spPr>
        <p:txBody>
          <a:bodyPr/>
          <a:lstStyle>
            <a:lvl1pPr marL="306000" indent="-306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20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630000" indent="-306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8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900000" indent="-270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6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24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4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60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4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5pPr>
            <a:lvl6pPr marL="19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22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25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28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b="1"/>
              <a:t>Beyond Meters to Cash</a:t>
            </a:r>
          </a:p>
        </p:txBody>
      </p:sp>
      <p:sp>
        <p:nvSpPr>
          <p:cNvPr id="12" name="Content Placeholder 8">
            <a:extLst>
              <a:ext uri="{FF2B5EF4-FFF2-40B4-BE49-F238E27FC236}">
                <a16:creationId xmlns:a16="http://schemas.microsoft.com/office/drawing/2014/main" id="{63224FAF-0BAF-43EA-517A-BB49202FDDB6}"/>
              </a:ext>
            </a:extLst>
          </p:cNvPr>
          <p:cNvSpPr txBox="1">
            <a:spLocks/>
          </p:cNvSpPr>
          <p:nvPr/>
        </p:nvSpPr>
        <p:spPr>
          <a:xfrm>
            <a:off x="6402919" y="3542001"/>
            <a:ext cx="5393100" cy="2934999"/>
          </a:xfrm>
          <a:prstGeom prst="rect">
            <a:avLst/>
          </a:prstGeom>
        </p:spPr>
        <p:txBody>
          <a:bodyPr/>
          <a:lstStyle>
            <a:lvl1pPr marL="306000" indent="-306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20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630000" indent="-306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8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900000" indent="-270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6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24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4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60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92000"/>
              <a:buFont typeface="Courier New" panose="02070309020205020404" pitchFamily="49" charset="0"/>
              <a:buChar char="o"/>
              <a:defRPr sz="1400" b="0" i="0" kern="1200">
                <a:solidFill>
                  <a:schemeClr val="tx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5pPr>
            <a:lvl6pPr marL="19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22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25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28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/>
              <a:t>GIS Virtual Audit </a:t>
            </a:r>
          </a:p>
          <a:p>
            <a:r>
              <a:rPr lang="en-US"/>
              <a:t>Transformer Load Management</a:t>
            </a:r>
          </a:p>
          <a:p>
            <a:r>
              <a:rPr lang="en-US"/>
              <a:t>Customer Insights</a:t>
            </a:r>
            <a:endParaRPr lang="en-US" strike="sngStrike"/>
          </a:p>
          <a:p>
            <a:endParaRPr lang="en-US"/>
          </a:p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80547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E3EE4D17-F5F5-7749-F287-55E0FFCDBB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Where are my meters?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6F1F802-BD66-327D-D9E2-8482F9B08FC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i="1"/>
              <a:t>Virtual</a:t>
            </a:r>
            <a:r>
              <a:rPr lang="en-US"/>
              <a:t> GIS Analysis &amp; Audit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3FA63342-BA0C-004C-5A4F-9354ABDE4B3D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/>
          <a:stretch>
            <a:fillRect/>
          </a:stretch>
        </p:blipFill>
        <p:spPr>
          <a:xfrm>
            <a:off x="6217707" y="2250891"/>
            <a:ext cx="5511236" cy="3765595"/>
          </a:xfrm>
          <a:prstGeom prst="rect">
            <a:avLst/>
          </a:prstGeom>
        </p:spPr>
      </p:pic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81076995-A421-27D8-9CA3-0E60E7F337A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572282" y="3049658"/>
            <a:ext cx="5393100" cy="2934999"/>
          </a:xfrm>
        </p:spPr>
        <p:txBody>
          <a:bodyPr/>
          <a:lstStyle/>
          <a:p>
            <a:r>
              <a:rPr lang="en-US"/>
              <a:t>Map vast majority of meters from the office</a:t>
            </a:r>
          </a:p>
          <a:p>
            <a:r>
              <a:rPr lang="en-US"/>
              <a:t>Trucks roll to the right place </a:t>
            </a:r>
            <a:r>
              <a:rPr lang="en-US" i="1"/>
              <a:t>the first time</a:t>
            </a:r>
          </a:p>
          <a:p>
            <a:r>
              <a:rPr lang="en-US"/>
              <a:t>Improve outage visibility</a:t>
            </a:r>
          </a:p>
          <a:p>
            <a:r>
              <a:rPr lang="en-US"/>
              <a:t>Know what loads are on each transformer</a:t>
            </a:r>
          </a:p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19643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47C102-0060-113E-CEC0-5680B58DCA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Transformer load monitoring &amp; managem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FA99DCA-8E12-27CA-7197-7B1A7937886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3" y="2180496"/>
            <a:ext cx="5514808" cy="3678303"/>
          </a:xfrm>
        </p:spPr>
        <p:txBody>
          <a:bodyPr/>
          <a:lstStyle/>
          <a:p>
            <a:r>
              <a:rPr lang="en-US"/>
              <a:t>Voltage data reveals transformer load</a:t>
            </a:r>
          </a:p>
          <a:p>
            <a:r>
              <a:rPr lang="en-US"/>
              <a:t>No additional sensors</a:t>
            </a:r>
          </a:p>
          <a:p>
            <a:r>
              <a:rPr lang="en-US"/>
              <a:t>Immediate view into both:</a:t>
            </a:r>
          </a:p>
          <a:p>
            <a:pPr lvl="1"/>
            <a:r>
              <a:rPr lang="en-US"/>
              <a:t>Overloaded transformers</a:t>
            </a:r>
          </a:p>
          <a:p>
            <a:pPr lvl="1"/>
            <a:r>
              <a:rPr lang="en-US" i="1"/>
              <a:t>Underloaded</a:t>
            </a:r>
            <a:r>
              <a:rPr lang="en-US"/>
              <a:t> transformers</a:t>
            </a:r>
            <a:endParaRPr lang="en-US" i="1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366C903-866F-603B-C065-104AB5F64B6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2702" t="71667"/>
          <a:stretch/>
        </p:blipFill>
        <p:spPr>
          <a:xfrm>
            <a:off x="581192" y="4426637"/>
            <a:ext cx="5750347" cy="1870068"/>
          </a:xfrm>
          <a:prstGeom prst="rect">
            <a:avLst/>
          </a:prstGeom>
        </p:spPr>
      </p:pic>
      <p:pic>
        <p:nvPicPr>
          <p:cNvPr id="13" name="Content Placeholder 12">
            <a:extLst>
              <a:ext uri="{FF2B5EF4-FFF2-40B4-BE49-F238E27FC236}">
                <a16:creationId xmlns:a16="http://schemas.microsoft.com/office/drawing/2014/main" id="{AADA1422-798D-D963-7374-D416848CAC4D}"/>
              </a:ext>
            </a:extLst>
          </p:cNvPr>
          <p:cNvPicPr>
            <a:picLocks noGrp="1" noChangeAspect="1"/>
          </p:cNvPicPr>
          <p:nvPr>
            <p:ph sz="half" idx="4294967295"/>
          </p:nvPr>
        </p:nvPicPr>
        <p:blipFill rotWithShape="1">
          <a:blip r:embed="rId3"/>
          <a:srcRect l="1" r="26574"/>
          <a:stretch/>
        </p:blipFill>
        <p:spPr>
          <a:xfrm>
            <a:off x="6223588" y="1819862"/>
            <a:ext cx="5514808" cy="42243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031642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9">
            <a:extLst>
              <a:ext uri="{FF2B5EF4-FFF2-40B4-BE49-F238E27FC236}">
                <a16:creationId xmlns:a16="http://schemas.microsoft.com/office/drawing/2014/main" id="{DEDF310B-E01F-40C2-6AF7-EDAB00A2CEF3}"/>
              </a:ext>
            </a:extLst>
          </p:cNvPr>
          <p:cNvPicPr>
            <a:picLocks noGrp="1" noChangeAspect="1"/>
          </p:cNvPicPr>
          <p:nvPr>
            <p:ph idx="4294967295"/>
          </p:nvPr>
        </p:nvPicPr>
        <p:blipFill>
          <a:blip r:embed="rId2"/>
          <a:stretch>
            <a:fillRect/>
          </a:stretch>
        </p:blipFill>
        <p:spPr>
          <a:xfrm>
            <a:off x="1004241" y="634522"/>
            <a:ext cx="10183519" cy="569832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9A286EC9-1496-FEB9-0527-44DFFEB65F7A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7949676" y="0"/>
            <a:ext cx="3806890" cy="985206"/>
          </a:xfrm>
        </p:spPr>
        <p:txBody>
          <a:bodyPr/>
          <a:lstStyle/>
          <a:p>
            <a:r>
              <a:rPr lang="en-US"/>
              <a:t>Customer insights</a:t>
            </a:r>
            <a:br>
              <a:rPr lang="en-US"/>
            </a:br>
            <a:endParaRPr lang="en-US" strike="sngStrike"/>
          </a:p>
        </p:txBody>
      </p:sp>
    </p:spTree>
    <p:extLst>
      <p:ext uri="{BB962C8B-B14F-4D97-AF65-F5344CB8AC3E}">
        <p14:creationId xmlns:p14="http://schemas.microsoft.com/office/powerpoint/2010/main" val="35042274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5452314271208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5452314271214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54523142712157"/>
</p:tagLst>
</file>

<file path=ppt/theme/theme1.xml><?xml version="1.0" encoding="utf-8"?>
<a:theme xmlns:a="http://schemas.openxmlformats.org/drawingml/2006/main" name="Dividend">
  <a:themeElements>
    <a:clrScheme name="TEA 1">
      <a:dk1>
        <a:sysClr val="windowText" lastClr="000000"/>
      </a:dk1>
      <a:lt1>
        <a:sysClr val="window" lastClr="FFFFFF"/>
      </a:lt1>
      <a:dk2>
        <a:srgbClr val="3D3D3D"/>
      </a:dk2>
      <a:lt2>
        <a:srgbClr val="EBEBEB"/>
      </a:lt2>
      <a:accent1>
        <a:srgbClr val="0BC3A9"/>
      </a:accent1>
      <a:accent2>
        <a:srgbClr val="066E5F"/>
      </a:accent2>
      <a:accent3>
        <a:srgbClr val="D3282D"/>
      </a:accent3>
      <a:accent4>
        <a:srgbClr val="818181"/>
      </a:accent4>
      <a:accent5>
        <a:srgbClr val="28AC21"/>
      </a:accent5>
      <a:accent6>
        <a:srgbClr val="D57528"/>
      </a:accent6>
      <a:hlink>
        <a:srgbClr val="828282"/>
      </a:hlink>
      <a:folHlink>
        <a:srgbClr val="A5A5A5"/>
      </a:folHlink>
    </a:clrScheme>
    <a:fontScheme name="Dividend">
      <a:majorFont>
        <a:latin typeface="Gill Sans MT" panose="020B0502020104020203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Gill Sans MT" panose="020B0502020104020203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Dividend">
      <a:fillStyleLst>
        <a:solidFill>
          <a:schemeClr val="phClr"/>
        </a:solidFill>
        <a:gradFill rotWithShape="1">
          <a:gsLst>
            <a:gs pos="0">
              <a:schemeClr val="phClr">
                <a:tint val="68000"/>
                <a:alpha val="90000"/>
                <a:lumMod val="100000"/>
              </a:schemeClr>
            </a:gs>
            <a:gs pos="100000">
              <a:schemeClr val="phClr">
                <a:tint val="90000"/>
                <a:lumMod val="95000"/>
              </a:schemeClr>
            </a:gs>
          </a:gsLst>
          <a:lin ang="5400000" scaled="1"/>
        </a:gradFill>
        <a:gradFill rotWithShape="1">
          <a:gsLst>
            <a:gs pos="0">
              <a:schemeClr val="phClr">
                <a:tint val="98000"/>
                <a:lumMod val="110000"/>
              </a:schemeClr>
            </a:gs>
            <a:gs pos="84000">
              <a:schemeClr val="phClr">
                <a:shade val="90000"/>
                <a:lumMod val="88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>
              <a:lumMod val="90000"/>
            </a:schemeClr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55000"/>
              </a:srgbClr>
            </a:outerShdw>
          </a:effectLst>
        </a:effectStyle>
        <a:effectStyle>
          <a:effectLst>
            <a:outerShdw blurRad="88900" dist="38100" dir="504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200000"/>
            </a:lightRig>
          </a:scene3d>
          <a:sp3d>
            <a:bevelT w="38100" h="508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88000">
              <a:schemeClr val="phClr">
                <a:shade val="94000"/>
                <a:satMod val="110000"/>
                <a:lumMod val="8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8000"/>
                <a:satMod val="110000"/>
                <a:lumMod val="8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vidend" id="{9697A71B-4AB7-4A1A-BD5B-BB2D22835B57}" vid="{C21699FF-00E4-43C8-BBCC-D7E5536C3717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B81153B-25DD-4C44-8913-A5A6F73D7CF2}">
  <we:reference id="f1abd87f-a3ba-42fb-91d5-100000000000" version="1.0.0.7" store="EXCatalog" storeType="EXCatalog"/>
  <we:alternateReferences/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AAECE61E3DD5043B3C923727A77F94E" ma:contentTypeVersion="11" ma:contentTypeDescription="Create a new document." ma:contentTypeScope="" ma:versionID="bb077cbbb7dc647f2202d399acda9529">
  <xsd:schema xmlns:xsd="http://www.w3.org/2001/XMLSchema" xmlns:xs="http://www.w3.org/2001/XMLSchema" xmlns:p="http://schemas.microsoft.com/office/2006/metadata/properties" xmlns:ns2="cb70ad8b-2a90-4174-ba05-18ac74e2279d" xmlns:ns3="fd5cdaaa-da3f-4e55-9b32-82ec0e56d490" targetNamespace="http://schemas.microsoft.com/office/2006/metadata/properties" ma:root="true" ma:fieldsID="e26aa0953706001129777bfd467a87b0" ns2:_="" ns3:_="">
    <xsd:import namespace="cb70ad8b-2a90-4174-ba05-18ac74e2279d"/>
    <xsd:import namespace="fd5cdaaa-da3f-4e55-9b32-82ec0e56d49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DateTaken" minOccurs="0"/>
                <xsd:element ref="ns2:MediaServiceLocation" minOccurs="0"/>
                <xsd:element ref="ns3:SharedWithUsers" minOccurs="0"/>
                <xsd:element ref="ns3:SharedWithDetails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b70ad8b-2a90-4174-ba05-18ac74e2279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GenerationTime" ma:index="11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  <xsd:element name="MediaLengthInSeconds" ma:index="18" nillable="true" ma:displayName="Length (seconds)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d5cdaaa-da3f-4e55-9b32-82ec0e56d490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52227023-4D49-46E5-AB4F-850E2E1019E4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F7A2EAB8-F429-49CD-87DD-B740A8ADA781}">
  <ds:schemaRefs>
    <ds:schemaRef ds:uri="cb70ad8b-2a90-4174-ba05-18ac74e2279d"/>
    <ds:schemaRef ds:uri="fd5cdaaa-da3f-4e55-9b32-82ec0e56d490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D300350A-DFFB-4126-8DBF-EFCFFD639F86}">
  <ds:schemaRefs>
    <ds:schemaRef ds:uri="cb70ad8b-2a90-4174-ba05-18ac74e2279d"/>
    <ds:schemaRef ds:uri="fd5cdaaa-da3f-4e55-9b32-82ec0e56d490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Dividend</Template>
  <Application>Microsoft Office PowerPoint</Application>
  <PresentationFormat>Widescreen</PresentationFormat>
  <Slides>18</Slides>
  <Notes>5</Notes>
  <HiddenSlides>0</HiddenSlide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19" baseType="lpstr">
      <vt:lpstr>Dividend</vt:lpstr>
      <vt:lpstr>Smart grid Solutions for public power</vt:lpstr>
      <vt:lpstr>Economies of scale</vt:lpstr>
      <vt:lpstr>Coast-to-coast footprint</vt:lpstr>
      <vt:lpstr>What does our mission mean to you?</vt:lpstr>
      <vt:lpstr>Emerging services</vt:lpstr>
      <vt:lpstr>PowerPoint Presentation</vt:lpstr>
      <vt:lpstr>Where are my meters?</vt:lpstr>
      <vt:lpstr>Transformer load monitoring &amp; management</vt:lpstr>
      <vt:lpstr>Customer insights </vt:lpstr>
      <vt:lpstr>Customer insights  </vt:lpstr>
      <vt:lpstr>Customer insights </vt:lpstr>
      <vt:lpstr>Solar + storage optimized &amp; dispatched</vt:lpstr>
      <vt:lpstr>You have a choice</vt:lpstr>
      <vt:lpstr>Complexity abounds</vt:lpstr>
      <vt:lpstr>sifting the multiple possible outcomes</vt:lpstr>
      <vt:lpstr>Stay within the lines</vt:lpstr>
      <vt:lpstr>Working with tea… …Powered by stora &amp; Data dynamics</vt:lpstr>
      <vt:lpstr>TO LEARN MOR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e Hall</dc:creator>
  <cp:revision>1</cp:revision>
  <cp:lastPrinted>2021-06-21T13:15:54Z</cp:lastPrinted>
  <dcterms:created xsi:type="dcterms:W3CDTF">2021-06-11T11:11:20Z</dcterms:created>
  <dcterms:modified xsi:type="dcterms:W3CDTF">2022-09-07T14:10:2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AAECE61E3DD5043B3C923727A77F94E</vt:lpwstr>
  </property>
  <property fmtid="{D5CDD505-2E9C-101B-9397-08002B2CF9AE}" pid="3" name="CustomerId">
    <vt:lpwstr>teainc</vt:lpwstr>
  </property>
  <property fmtid="{D5CDD505-2E9C-101B-9397-08002B2CF9AE}" pid="4" name="TemplateId">
    <vt:lpwstr>637854523134812700</vt:lpwstr>
  </property>
  <property fmtid="{D5CDD505-2E9C-101B-9397-08002B2CF9AE}" pid="5" name="UserProfileId">
    <vt:lpwstr>637890963234963846</vt:lpwstr>
  </property>
</Properties>
</file>